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6. Renátka\495_2021 Servis a podpora  syst. TomoCon PACS\04. Josephine\01. Výzva na predloženie CP\"/>
    </mc:Choice>
  </mc:AlternateContent>
  <bookViews>
    <workbookView xWindow="-120" yWindow="-120" windowWidth="24240" windowHeight="13140" tabRatio="727"/>
  </bookViews>
  <sheets>
    <sheet name="Príloha č. 1" sheetId="1" r:id="rId1"/>
    <sheet name="Príloha č. 2" sheetId="19" r:id="rId2"/>
    <sheet name="Príloha č. 3" sheetId="29" r:id="rId3"/>
    <sheet name="Príloha č. 4" sheetId="18" r:id="rId4"/>
    <sheet name="Príloha č.5" sheetId="26" r:id="rId5"/>
    <sheet name="Príloha č. 6" sheetId="24" r:id="rId6"/>
    <sheet name="Príloha č. 7  " sheetId="25" r:id="rId7"/>
  </sheets>
  <externalReferences>
    <externalReference r:id="rId8"/>
  </externalReferences>
  <definedNames>
    <definedName name="_xlnm.Print_Area" localSheetId="0">'Príloha č. 1'!$A$1:$D$29</definedName>
    <definedName name="_xlnm.Print_Area" localSheetId="1">'Príloha č. 2'!$A$1:$E$65</definedName>
    <definedName name="_xlnm.Print_Area" localSheetId="2">'Príloha č. 3'!$A$1:$N$21</definedName>
    <definedName name="_xlnm.Print_Area" localSheetId="3">'Príloha č. 4'!$A$1:$D$17</definedName>
    <definedName name="_xlnm.Print_Area" localSheetId="5">'Príloha č. 6'!$A$1:$D$20</definedName>
    <definedName name="_xlnm.Print_Area" localSheetId="6">'Príloha č. 7  '!$A$1:$D$20</definedName>
    <definedName name="_xlnm.Print_Area" localSheetId="4">'Príloha č.5'!$A$1:$D$23</definedName>
  </definedName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B62" i="19" l="1"/>
  <c r="B20" i="29"/>
  <c r="B13" i="18"/>
  <c r="B17" i="26"/>
  <c r="B15" i="24"/>
  <c r="B15" i="25"/>
  <c r="B14" i="25"/>
  <c r="B14" i="24"/>
  <c r="B16" i="26"/>
  <c r="B12" i="18"/>
  <c r="B19" i="29"/>
  <c r="B61" i="19"/>
  <c r="C9" i="25"/>
  <c r="C9" i="24"/>
  <c r="C9" i="26"/>
  <c r="C8" i="18"/>
  <c r="C53" i="19"/>
  <c r="C52" i="19"/>
  <c r="C10" i="29" l="1"/>
  <c r="C50" i="19"/>
  <c r="C7" i="24"/>
  <c r="C8" i="25"/>
  <c r="C8" i="24"/>
  <c r="C8" i="26"/>
  <c r="C7" i="18"/>
  <c r="C12" i="29"/>
  <c r="C7" i="25" l="1"/>
  <c r="D18" i="24"/>
  <c r="C7" i="26"/>
  <c r="C6" i="18"/>
  <c r="C11" i="29"/>
  <c r="C51" i="19"/>
  <c r="C6" i="25" l="1"/>
  <c r="C6" i="24"/>
  <c r="C6" i="26"/>
  <c r="C5" i="18"/>
  <c r="M8" i="29" l="1"/>
  <c r="K8" i="29"/>
  <c r="L8" i="29" s="1"/>
  <c r="N8" i="29" s="1"/>
  <c r="D19" i="26"/>
</calcChain>
</file>

<file path=xl/sharedStrings.xml><?xml version="1.0" encoding="utf-8"?>
<sst xmlns="http://schemas.openxmlformats.org/spreadsheetml/2006/main" count="210" uniqueCount="118">
  <si>
    <t>IDENTIFIKAČNÉ ÚDAJE UCHÁDZAČA</t>
  </si>
  <si>
    <t>Obchodný názov uchádzača:</t>
  </si>
  <si>
    <t>Sídlo uchádzača:</t>
  </si>
  <si>
    <t>IČO:</t>
  </si>
  <si>
    <t>DIČ:</t>
  </si>
  <si>
    <t>Meno a priezvisko:</t>
  </si>
  <si>
    <t>Telefónne číslo:</t>
  </si>
  <si>
    <t>E-mail:</t>
  </si>
  <si>
    <t>Kontaktná osoba uchádzača - počas procesu VO</t>
  </si>
  <si>
    <t>V:</t>
  </si>
  <si>
    <t>Dňa:</t>
  </si>
  <si>
    <t xml:space="preserve">Dňa: </t>
  </si>
  <si>
    <t>Poznámka:</t>
  </si>
  <si>
    <t>Názov predmetu zákazky:</t>
  </si>
  <si>
    <t>- povinné údaje vyplní uchádzač</t>
  </si>
  <si>
    <t>1.</t>
  </si>
  <si>
    <t>2.</t>
  </si>
  <si>
    <t>3.</t>
  </si>
  <si>
    <t>4.</t>
  </si>
  <si>
    <t>Pracovné zaradenie:</t>
  </si>
  <si>
    <t>5.</t>
  </si>
  <si>
    <t>Týmto potvrdzujem, že všetky uvedené informácie sú pravdivé.</t>
  </si>
  <si>
    <t>VYHLÁSENIE UCHÁDZAČA O SÚHLASE 
S OBSAHOM NÁVRHU ZMLUVNÝCH PODMIENOK</t>
  </si>
  <si>
    <r>
      <t xml:space="preserve">Uchádzač vo verejnom obstarávaní na uvedený predmet zákazky týmto vyhlasuje, že s návrhom zmluvných podmienok bez výhrad </t>
    </r>
    <r>
      <rPr>
        <b/>
        <sz val="11"/>
        <color theme="1"/>
        <rFont val="Times New Roman"/>
        <family val="1"/>
        <charset val="238"/>
      </rPr>
      <t>SÚHLASÍ.</t>
    </r>
  </si>
  <si>
    <t>ŠPECIFIKÁCIA PREDMETU ZÁKAZKY</t>
  </si>
  <si>
    <t xml:space="preserve">Požadované minimálne technické vlastnosti, parametre a hodnoty predmetu zákazky
</t>
  </si>
  <si>
    <t xml:space="preserve">spĺňa / nespĺňa </t>
  </si>
  <si>
    <t>hodnota ponúkaného produktu</t>
  </si>
  <si>
    <t>P.č.</t>
  </si>
  <si>
    <t>Podpis a pečiatka:</t>
  </si>
  <si>
    <t>Meno a priezvisko oprávnenéj osoby na podpisovanie:</t>
  </si>
  <si>
    <t>VYHLÁSENIE UCHÁDZAČA
O NEULOŽENOM ZÁKAZE ÚČASTI
VO VEREJNOM OBSTARÁVANÍ</t>
  </si>
  <si>
    <t>Uchádzač vo verejnom obstarávaní na uvedený predmet zákazky týmto vyhlasuje, že nemá uložený zákaz účasti vo verejnom obstarávaní potvrdený konečným rozhodnutím v Slovenskej republike alebo v štáte sídla, miesta podnikania alebo obvyklého pobytu.</t>
  </si>
  <si>
    <t>VYHLÁSENIE UCHÁDZAČA
O ZÁPISE DO ZHS</t>
  </si>
  <si>
    <t xml:space="preserve">Uchádzač vo verejnom obstarávaní na uvedený predmet zákazky týmto vyhlasuje, že je zapísaný v zozname hospodárskych subjektov. </t>
  </si>
  <si>
    <r>
      <t xml:space="preserve">Uchádzač uvedie informácie, či ním ponúkaný produkt spĺňa, resp. nespĺňa verejným obstarávateľom definované požiadavky na predmet zákazky 
</t>
    </r>
    <r>
      <rPr>
        <sz val="11"/>
        <color theme="1"/>
        <rFont val="Times New Roman"/>
        <family val="1"/>
        <charset val="238"/>
      </rPr>
      <t>(v prípade, ak ponúkaný produkt nespĺňa definované požiadavky uvedie ekvivalentnú hodnotu ním ponúkaného produktu)</t>
    </r>
  </si>
  <si>
    <t>Kontaktná osoba dodávateľa pre účely overenia si informácií týkajúcich sa špecifikácií:</t>
  </si>
  <si>
    <t xml:space="preserve">VYHLÁSENIE UCHÁDZAČA KU KONFLIKTU ZÁUJMOV </t>
  </si>
  <si>
    <t>Týmto vyhlasujem, že ako uchádzač vo verejnom obstarávaní na uvedený predmet zákazky:</t>
  </si>
  <si>
    <t>-</t>
  </si>
  <si>
    <t>som nevyvíjal  a nebudem vyvíjať voči  žiadnej osobe na strane verejného obstarávateľa ktorá je alebo by mohla byť zainteresovaná v zmysle ustanovení § 23 ods. 3 zákona č. 343/2015 Z. z. o verejnom obstarávaní a o zmene a doplnení niektorých zákonov v znení neskorších predpisov („zainteresovaná osoba“) akékoľvek aktivity, ktoré vy mohli viesť k zvýhodneniu nášho postavenia vo verejnom obstarávaní,</t>
  </si>
  <si>
    <t>som neposkytol a neposkytnem  akejkoľvek, čo i len potenciálne zainteresovanej osobe priamo alebo nepriamo akúkoľvek finančnú alebo vecnú výhodu ako motiváciu alebo odmenu súvisiacu s týmto verejným obstarávaním,</t>
  </si>
  <si>
    <t>budem bezodkladne informovať verejného obstarávateľa o akejkoľvek situácii, ktorá je považovaná za konflikt záujmov alebo ktorá by mohla viesť ku konfliktu záujmov kedykoľvek v priebehu procesu verejného obstarávania.</t>
  </si>
  <si>
    <t>Meno a priezvisko (titul) oprávnenej osoby:</t>
  </si>
  <si>
    <t xml:space="preserve">Podpis a pečiatka uchádzača </t>
  </si>
  <si>
    <t>Servis a podpora systémov TomoCon PACS</t>
  </si>
  <si>
    <t>Podpora, servis a softvérové aktualizácie komplexných softvérových a hardvérových systémov vo vlastníctve objednávateľa (ďalej len „systémy“), ktoré sú špecifikované v bode 2 tohto článku zmluvy, a to v rozsahu a za podmienok dohodnutých touto zmluvou</t>
  </si>
  <si>
    <t>Komplexné softvérové a hardvérové systémy podľa bodu 1 tohto článku zmluvy predstavujú:</t>
  </si>
  <si>
    <t>TomoCon® PACS, vrátane služieb Telerádiologického komunikačného centra T3C,</t>
  </si>
  <si>
    <t>diagnostické stanice TomoCon Viewer,</t>
  </si>
  <si>
    <t>klinický webový prehliadač TomoCon Go,</t>
  </si>
  <si>
    <t>Systém vyhľadávania a zobrazovania vyšetrení.</t>
  </si>
  <si>
    <t>Komplexný systém SW TomoCon® PACS (ďalej tiež „systém“) umožňuje nasledujúce funkcie:</t>
  </si>
  <si>
    <t>a) správu, archiváciu, zálohovanie a prenos obrazovej zdravotníckej dokumentácie v rámci systému podľa normy STN EN 12052:2011 (DICOM),</t>
  </si>
  <si>
    <t>b) digitálnu rádiologickú diagnostiku vyšetrení/DICOM štúdií z daných modalít na diagnostických staniciach TomoCon, aktuálna verzia,</t>
  </si>
  <si>
    <t>c) distribúciu digitálnej obrazovej dokumentácie všetkým autorizovaným používateľom v rámci miestnych počítačových sietí (LAN) objednávateľa,</t>
  </si>
  <si>
    <t>d) pripojenie systémov TomoCon PACS k službám Telerádiologického Komunikačného centra T3C za účelom diaľkového prenosu obrazovej zdravotnej dokumentácie v norme DICOM do/z iných zdravotníckych zariadení (výlučne pripojenie sa do služieb T3C, mimo poplatkov za pripojenie sa na Internet a poplatkov za prenesené objemy dát),</t>
  </si>
  <si>
    <t>e) vizualizáciu snímok na pracovných staniciach, podľa funkčnosti aktuálnych verzií najmä: dvojrozmerná, MPR, trojrozmerná, štandardné rádiologické operácie, nastavenie optických parametrov, zväčšenie, posuv, prehrávanie sekvencií, inverzné zobrazenie, mód pre dotykové monitory, interpolácie, filtre, anotácie, výber textovej sprievodnej informácie,</t>
  </si>
  <si>
    <t>f) CT/MR/PT korelácie, fúzie a zobrazenia – automatické iba na staniciach TomoCon Advanced Station,</t>
  </si>
  <si>
    <t>g) archiváciu, dokumentáciu a tlač DICOM štruktúrovaných popisov,</t>
  </si>
  <si>
    <t>h) možnosť neskoršej konfigurácie a tlače digitálnej obrazovej dokumentácie na filmy,</t>
  </si>
  <si>
    <t>i) možnosť archivácie digitálnej obrazovej dokumentácie na CD/DVD s pridaním Lite verzie SW prehliadača na staniciach TomoCon Station s aktuálne podporovanými operačnými systémami Microsoft Windows, aktuálne: Windows 7 SP1, Windows 8.1, Windows 10 a následnými podporovanými verziami OS,</t>
  </si>
  <si>
    <t>j) monitorovanie a diaľkovú správu systému.</t>
  </si>
  <si>
    <t xml:space="preserve">Podpora podľa tejto zmluvy zahŕňa udržiavanie správnej funkčnosti systémov uvedených v bode 2 tohto článku zmluvy a v súlade s príslušnými manuálmi k systémom. </t>
  </si>
  <si>
    <t xml:space="preserve">Podpora ďalej zahŕňa odstraňovanie porúch systémov, pravidelnú kontrolu systémov a konzultácie. </t>
  </si>
  <si>
    <t>Odstraňovanie porúch systému vykonáva dodávateľ na základe požiadavky vznesenej objednávateľom podľa bodu 10 tohto článku zmluvy, a to podľa závažnosti poruchy buď diaľkovým prístupom alebo servisným zásahom v predmetnom pracovisku objednávateľa.</t>
  </si>
  <si>
    <t xml:space="preserve">Pravidelnú kontrolu systémov vykonáva dodávateľ minimálne 1x ročne v predmetnom pracovisku objednávateľa (táto môže byť v rámci servisného zásahu) a každý pracovný týždeň diaľkovým prístupom, ak mu to správca systému/systémov objednávateľa povolí. </t>
  </si>
  <si>
    <t>Predmetom pravidelnej kontroly je najmä kontrola nastavení a funkcie systémov a ďalšie preventívne zásahy za účelom predchádzania výskytu porúch systémov.</t>
  </si>
  <si>
    <t>Konzultácie znamenajú možnosť správcu systému/systémov objednávateľa klásť dodávateľovi e-mailom, telefonicky alebo listom otázky, ktoré sa týkajú prevádzky a funkčnosti systému/systémov, pričom dodávateľ je povinný tieto otázky zodpovedať bez zbytočného omeškania a to všetko v pracovných dňoch od 8.00 do 16:00 a pre podporu a odstraňovanie porúch systému TomoCon® PACS v režime 24/7.</t>
  </si>
  <si>
    <t>Aktualizácia systému podľa tejto zmluvy zahŕňa poskytnutie každej novej verzie SW systému a na základe požiadavky objednávateľa zaškolenie obsluhy systému v sídle objednávateľa pri každej aktualizácii.</t>
  </si>
  <si>
    <t>Dodávateľ garantuje časovú funkčnosť systémov v roku minimálne 99% (počet pracovných dní v roku je základným parametrom percentuálnej funkčnosti). Za nefunkčnosť systému sa nepovažuje čas potrebný na jeho pravidelnú prehliadku a údržbu. Za nefunkčnosť sa nepovažujú tie skutočnosti podmieňujúce funkčnosť systému/systémov, ktoré dodávateľ nemôže ovplyvniť, ako napríklad výpadky v dodávke elektrickej energie, nefunkčnosť, znížená funkčnosť alebo preukázateľná nefunkčnosť príslušnej IT infraštruktúry, ktorá má priamy vplyv na funkčnosť systému, ďalej zakázané, neprimerané a nekompetentné zásahy do systému zo strany miestnej obsluhy alebo opomenutie predpísaných relevantných činností zo strany miestnej obsluhy alebo nevykonanie odôvodnených miestnych technických a organizačných opatrení na predchádzanie nefunkčnosti systému.</t>
  </si>
  <si>
    <t xml:space="preserve">Cestovné a akékoľvek iné, resp. ďalšie náklady spojené s výkonom služieb, resp. s činnosťou servisného pracovníka počas výkonu služieb vykonávaných podľa tohto článku zmluvy, sú zahrnuté v cene služieb a z tohto dôvodu nie je dodávateľ oprávnený ich objednávateľovi samostatne fakturovať.   </t>
  </si>
  <si>
    <t>Dodávateľ sa zaväzuje vykonávať služby v dohodnutom rozsahu v súlade s touto zmluvou, platnou legislatívou, normami STN a EN a podľa pokynov objednávateľa.</t>
  </si>
  <si>
    <t>Pod poruchou podľa tejto zmluvy sa rozumie úplná nefunkčnosť systému a/alebo strata ľubovoľnej funkcionality uvedenej v bode 3 tohto článku zmluvy.</t>
  </si>
  <si>
    <t xml:space="preserve">Odstraňovanie porúch príslušného systému podľa bodu 4 tohto článku zmluvy vykonáva dodávateľ na základe písomnej požiadavky vznesenej objednávateľom e-mailom alebo listom a pre oprávnené osoby aj telefonicky. Dodávateľ sa zaväzuje potvrdiť doručenie písomnej požiadavky. </t>
  </si>
  <si>
    <t>Dodávateľ sa zaväzuje poruchu, ktorá bráni používaniu systému, odstrániť v čo najkratšej možnej lehote. Zahájiť odstránenia poruchy je dodávateľ povinný do:</t>
  </si>
  <si>
    <t>60 minút v pracovnom čase - pracovných dňoch od 8:00 do 16:00, diaľkovým prístupom,</t>
  </si>
  <si>
    <t>120 minút v ostatnom čase, diaľkovým prístupom,</t>
  </si>
  <si>
    <t>48 hodín na mieste, t. j. Východoslovenský ústav srdcových a cievnych chorôb, a. s., Ondavská 8, 040 11 Košice, (čas sa nepočíta počas dní pracovného pokoja) podľa potreby pri ohlásení poruchy, ktorú nie je schopný správca systému objednávateľa vyriešiť samostatne ani dodávateľ diaľkovým prístupom.</t>
  </si>
  <si>
    <t>V odôvodnených prípadoch môžu byť s písomným/e-mail súhlasom objednávateľa tieto lehoty primerane predĺžené.</t>
  </si>
  <si>
    <t>Zmluvné strany sa dohodli, že dodávateľ je povinný poruchu odstrániť v čo najkratšom čase od nástupu na servis na mieste, za predpokladu funkčnej príslušnej IT infraštruktúry, ktorá má bezprostredný dopad na funkčnosť systému.</t>
  </si>
  <si>
    <t>Objednávateľ zaistí všestrannú súčinnosť a dostupnosť systému pre diaľkový servis porúch, podľa možností objednávateľa aj v mimopracovných hodinách. Objednávateľ zaistí fyzickú súčinnosť a fyzickú dostupnosť systému pre servis porúch v sídle objednávateľa i v mimopracovných hodinách. Objednávateľ zaistí pre PACS server podsystém pre trvalé sledovanie a diaľkový prístup a pripojenie na internet.</t>
  </si>
  <si>
    <t>Aktualizácie systémov poskytnuté dodávateľom podľa tejto zmluvy musia byť vždy klinicky overené a CE certifikované.</t>
  </si>
  <si>
    <t>Pri servise systému prostredníctvom diaľkového prístupu dodávateľ dodržiava všetky stanovené bezpečnostné zásady. Ak dodávateľ spôsobí objednávateľovi hrubým porušením tejto povinnosti škodu, je povinný ju bez zbytočného omeškania napraviť.</t>
  </si>
  <si>
    <t>Dodávateľ sa zaväzuje vykonávať servis systému po predchádzajúcej dohode s kontaktnou osobou objednávateľa a to tak, aby v čo najmenšej miere obmedzil prevádzku pracoviska.</t>
  </si>
  <si>
    <t xml:space="preserve">Po ukončení servisného zásahu môže dodávateľ vypísať protokol, v ktorom špecifikuje príčinu poruchy a navrhne objednávateľovi technické a organizačné opatrenia na ich predchádzanie. </t>
  </si>
  <si>
    <t>15.</t>
  </si>
  <si>
    <t>14.</t>
  </si>
  <si>
    <t>13.</t>
  </si>
  <si>
    <t>12.</t>
  </si>
  <si>
    <t>11.</t>
  </si>
  <si>
    <t>10.</t>
  </si>
  <si>
    <t>9.</t>
  </si>
  <si>
    <t>8.</t>
  </si>
  <si>
    <t>7.</t>
  </si>
  <si>
    <t>6.</t>
  </si>
  <si>
    <t>Kontaktná osoba uchádzača - plnenie zmluvy</t>
  </si>
  <si>
    <t>Pracovná pozícia:</t>
  </si>
  <si>
    <t>Položka č. 1 - Servis a podpora systémov TomoCon PACS</t>
  </si>
  <si>
    <r>
      <t xml:space="preserve">Príloha č. 1 - </t>
    </r>
    <r>
      <rPr>
        <sz val="10"/>
        <color theme="1"/>
        <rFont val="Arial"/>
        <family val="2"/>
        <charset val="238"/>
      </rPr>
      <t>Kalkulácia ceny - Štruktúrovaný rozpočet ceny</t>
    </r>
  </si>
  <si>
    <t>Názov položky predmetu zákazky</t>
  </si>
  <si>
    <t>MJ</t>
  </si>
  <si>
    <t>mesiac</t>
  </si>
  <si>
    <t>Kontaktná osoba:</t>
  </si>
  <si>
    <t>E-mailová adresa:</t>
  </si>
  <si>
    <t>podpis:</t>
  </si>
  <si>
    <t>meno:</t>
  </si>
  <si>
    <t>pracovná pozícia:</t>
  </si>
  <si>
    <t>pečiatka:</t>
  </si>
  <si>
    <t>Katalógové číslo</t>
  </si>
  <si>
    <t xml:space="preserve">Názov ponúkaného 
produktu uchádzača
</t>
  </si>
  <si>
    <t>bez DPH</t>
  </si>
  <si>
    <t>sadzba DPH v %</t>
  </si>
  <si>
    <t>DPH</t>
  </si>
  <si>
    <t>s DPH</t>
  </si>
  <si>
    <t>Jednotková cena za MJ</t>
  </si>
  <si>
    <t>Celková cena za predpokladané množstvo MJ</t>
  </si>
  <si>
    <t>Predpokladané množstvo MJ</t>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64" formatCode="#,##0.00\ &quot;€&quot;"/>
    <numFmt numFmtId="165" formatCode="#,##0.00\ &quot;EUR&quot;"/>
    <numFmt numFmtId="166" formatCode="#,##0.0000\ &quot;€&quot;"/>
  </numFmts>
  <fonts count="29"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b/>
      <sz val="14"/>
      <name val="Times New Roman"/>
      <family val="1"/>
      <charset val="238"/>
    </font>
    <font>
      <sz val="11"/>
      <color theme="1"/>
      <name val="Calibri"/>
      <family val="2"/>
      <charset val="238"/>
      <scheme val="minor"/>
    </font>
    <font>
      <sz val="9"/>
      <color theme="1"/>
      <name val="Arial"/>
      <family val="2"/>
      <charset val="238"/>
    </font>
    <font>
      <b/>
      <sz val="9"/>
      <color theme="1"/>
      <name val="Arial"/>
      <family val="2"/>
      <charset val="238"/>
    </font>
    <font>
      <sz val="11"/>
      <color indexed="8"/>
      <name val="Calibri"/>
      <family val="2"/>
      <charset val="238"/>
    </font>
    <font>
      <b/>
      <sz val="12"/>
      <name val="Times New Roman"/>
      <family val="1"/>
      <charset val="238"/>
    </font>
    <font>
      <sz val="10"/>
      <color theme="1"/>
      <name val="Times New Roman"/>
      <family val="1"/>
      <charset val="238"/>
    </font>
    <font>
      <b/>
      <sz val="10"/>
      <color theme="1"/>
      <name val="Times New Roman"/>
      <family val="1"/>
      <charset val="238"/>
    </font>
    <font>
      <b/>
      <sz val="12"/>
      <color theme="1"/>
      <name val="Times New Roman"/>
      <family val="1"/>
      <charset val="238"/>
    </font>
    <font>
      <b/>
      <sz val="10"/>
      <color theme="1"/>
      <name val="Arial"/>
      <family val="2"/>
      <charset val="238"/>
    </font>
    <font>
      <sz val="10"/>
      <color theme="1"/>
      <name val="Arial"/>
      <family val="2"/>
      <charset val="238"/>
    </font>
    <font>
      <sz val="9"/>
      <color theme="1"/>
      <name val="Times New Roman"/>
      <family val="1"/>
      <charset val="238"/>
    </font>
    <font>
      <sz val="9"/>
      <name val="Arial"/>
      <family val="2"/>
      <charset val="238"/>
    </font>
    <font>
      <b/>
      <sz val="9"/>
      <name val="Arial"/>
      <family val="2"/>
      <charset val="238"/>
    </font>
    <font>
      <b/>
      <sz val="11"/>
      <name val="Arial"/>
      <family val="2"/>
      <charset val="238"/>
    </font>
    <font>
      <i/>
      <sz val="9"/>
      <name val="Arial"/>
      <family val="2"/>
      <charset val="238"/>
    </font>
    <font>
      <b/>
      <sz val="9"/>
      <color theme="1"/>
      <name val="Calibri"/>
      <family val="2"/>
      <charset val="238"/>
    </font>
    <font>
      <sz val="8"/>
      <color theme="1"/>
      <name val="Arial"/>
      <family val="2"/>
      <charset val="238"/>
    </font>
    <font>
      <sz val="11"/>
      <color theme="1"/>
      <name val="Arial"/>
      <family val="2"/>
      <charset val="238"/>
    </font>
  </fonts>
  <fills count="6">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7" tint="0.79998168889431442"/>
        <bgColor indexed="64"/>
      </patternFill>
    </fill>
    <fill>
      <patternFill patternType="solid">
        <fgColor theme="5" tint="0.79998168889431442"/>
        <bgColor indexed="64"/>
      </patternFill>
    </fill>
  </fills>
  <borders count="58">
    <border>
      <left/>
      <right/>
      <top/>
      <bottom/>
      <diagonal/>
    </border>
    <border>
      <left style="thin">
        <color rgb="FFC00000"/>
      </left>
      <right style="thin">
        <color rgb="FFC00000"/>
      </right>
      <top style="thin">
        <color rgb="FFC00000"/>
      </top>
      <bottom style="thin">
        <color rgb="FFC00000"/>
      </bottom>
      <diagonal/>
    </border>
    <border>
      <left/>
      <right/>
      <top style="thin">
        <color auto="1"/>
      </top>
      <bottom style="thin">
        <color auto="1"/>
      </bottom>
      <diagonal/>
    </border>
    <border>
      <left/>
      <right/>
      <top style="medium">
        <color auto="1"/>
      </top>
      <bottom/>
      <diagonal/>
    </border>
    <border>
      <left style="thin">
        <color auto="1"/>
      </left>
      <right/>
      <top style="medium">
        <color auto="1"/>
      </top>
      <bottom/>
      <diagonal/>
    </border>
    <border>
      <left style="dotted">
        <color auto="1"/>
      </left>
      <right/>
      <top style="dotted">
        <color auto="1"/>
      </top>
      <bottom style="dotted">
        <color auto="1"/>
      </bottom>
      <diagonal/>
    </border>
    <border>
      <left/>
      <right style="medium">
        <color auto="1"/>
      </right>
      <top style="medium">
        <color indexed="64"/>
      </top>
      <bottom/>
      <diagonal/>
    </border>
    <border>
      <left/>
      <right style="medium">
        <color indexed="64"/>
      </right>
      <top style="dotted">
        <color auto="1"/>
      </top>
      <bottom style="dotted">
        <color auto="1"/>
      </bottom>
      <diagonal/>
    </border>
    <border>
      <left/>
      <right/>
      <top style="dotted">
        <color indexed="64"/>
      </top>
      <bottom/>
      <diagonal/>
    </border>
    <border>
      <left style="thin">
        <color indexed="64"/>
      </left>
      <right style="thin">
        <color indexed="64"/>
      </right>
      <top/>
      <bottom style="thin">
        <color indexed="64"/>
      </bottom>
      <diagonal/>
    </border>
    <border>
      <left style="thin">
        <color indexed="64"/>
      </left>
      <right style="dotted">
        <color indexed="64"/>
      </right>
      <top style="dotted">
        <color indexed="64"/>
      </top>
      <bottom style="dotted">
        <color indexed="64"/>
      </bottom>
      <diagonal/>
    </border>
    <border>
      <left style="medium">
        <color auto="1"/>
      </left>
      <right style="thin">
        <color auto="1"/>
      </right>
      <top/>
      <bottom style="thin">
        <color auto="1"/>
      </bottom>
      <diagonal/>
    </border>
    <border>
      <left style="thin">
        <color auto="1"/>
      </left>
      <right style="medium">
        <color auto="1"/>
      </right>
      <top/>
      <bottom style="thin">
        <color auto="1"/>
      </bottom>
      <diagonal/>
    </border>
    <border>
      <left style="thin">
        <color auto="1"/>
      </left>
      <right style="medium">
        <color indexed="64"/>
      </right>
      <top style="thin">
        <color auto="1"/>
      </top>
      <bottom style="medium">
        <color indexed="64"/>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right style="medium">
        <color auto="1"/>
      </right>
      <top/>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top/>
      <bottom/>
      <diagonal/>
    </border>
    <border>
      <left/>
      <right style="thin">
        <color auto="1"/>
      </right>
      <top/>
      <bottom/>
      <diagonal/>
    </border>
    <border>
      <left style="medium">
        <color auto="1"/>
      </left>
      <right/>
      <top style="thin">
        <color indexed="64"/>
      </top>
      <bottom/>
      <diagonal/>
    </border>
    <border>
      <left/>
      <right style="thin">
        <color auto="1"/>
      </right>
      <top style="thin">
        <color indexed="64"/>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thin">
        <color indexed="64"/>
      </left>
      <right style="dotted">
        <color indexed="64"/>
      </right>
      <top/>
      <bottom style="dotted">
        <color indexed="64"/>
      </bottom>
      <diagonal/>
    </border>
    <border>
      <left style="dotted">
        <color auto="1"/>
      </left>
      <right/>
      <top/>
      <bottom style="dotted">
        <color auto="1"/>
      </bottom>
      <diagonal/>
    </border>
    <border>
      <left/>
      <right style="medium">
        <color indexed="64"/>
      </right>
      <top/>
      <bottom style="dotted">
        <color auto="1"/>
      </bottom>
      <diagonal/>
    </border>
    <border>
      <left/>
      <right style="medium">
        <color auto="1"/>
      </right>
      <top style="thin">
        <color indexed="64"/>
      </top>
      <bottom style="thin">
        <color indexed="64"/>
      </bottom>
      <diagonal/>
    </border>
    <border>
      <left style="thin">
        <color auto="1"/>
      </left>
      <right/>
      <top style="thin">
        <color auto="1"/>
      </top>
      <bottom style="thin">
        <color auto="1"/>
      </bottom>
      <diagonal/>
    </border>
    <border>
      <left style="thin">
        <color auto="1"/>
      </left>
      <right/>
      <top/>
      <bottom style="thin">
        <color auto="1"/>
      </bottom>
      <diagonal/>
    </border>
    <border>
      <left style="thin">
        <color auto="1"/>
      </left>
      <right style="thin">
        <color auto="1"/>
      </right>
      <top style="thin">
        <color auto="1"/>
      </top>
      <bottom/>
      <diagonal/>
    </border>
    <border>
      <left style="thin">
        <color auto="1"/>
      </left>
      <right/>
      <top style="thin">
        <color auto="1"/>
      </top>
      <bottom/>
      <diagonal/>
    </border>
    <border>
      <left/>
      <right style="thin">
        <color auto="1"/>
      </right>
      <top/>
      <bottom style="thin">
        <color auto="1"/>
      </bottom>
      <diagonal/>
    </border>
    <border>
      <left style="thin">
        <color auto="1"/>
      </left>
      <right style="thin">
        <color auto="1"/>
      </right>
      <top/>
      <bottom/>
      <diagonal/>
    </border>
    <border>
      <left/>
      <right style="thin">
        <color auto="1"/>
      </right>
      <top style="thin">
        <color auto="1"/>
      </top>
      <bottom style="thin">
        <color auto="1"/>
      </bottom>
      <diagonal/>
    </border>
    <border>
      <left style="thin">
        <color auto="1"/>
      </left>
      <right style="thin">
        <color auto="1"/>
      </right>
      <top style="dotted">
        <color auto="1"/>
      </top>
      <bottom style="thin">
        <color auto="1"/>
      </bottom>
      <diagonal/>
    </border>
    <border>
      <left style="thin">
        <color auto="1"/>
      </left>
      <right/>
      <top style="dotted">
        <color auto="1"/>
      </top>
      <bottom style="thin">
        <color auto="1"/>
      </bottom>
      <diagonal/>
    </border>
    <border>
      <left/>
      <right style="thin">
        <color auto="1"/>
      </right>
      <top style="dotted">
        <color auto="1"/>
      </top>
      <bottom style="thin">
        <color auto="1"/>
      </bottom>
      <diagonal/>
    </border>
    <border>
      <left style="thin">
        <color auto="1"/>
      </left>
      <right style="thin">
        <color auto="1"/>
      </right>
      <top style="thin">
        <color rgb="FFC00000"/>
      </top>
      <bottom style="thin">
        <color auto="1"/>
      </bottom>
      <diagonal/>
    </border>
    <border>
      <left/>
      <right/>
      <top style="thin">
        <color auto="1"/>
      </top>
      <bottom/>
      <diagonal/>
    </border>
    <border>
      <left style="thin">
        <color auto="1"/>
      </left>
      <right style="thin">
        <color auto="1"/>
      </right>
      <top/>
      <bottom style="thin">
        <color rgb="FFC00000"/>
      </bottom>
      <diagonal/>
    </border>
    <border>
      <left style="thin">
        <color auto="1"/>
      </left>
      <right/>
      <top style="thin">
        <color auto="1"/>
      </top>
      <bottom style="dotted">
        <color indexed="64"/>
      </bottom>
      <diagonal/>
    </border>
    <border>
      <left/>
      <right/>
      <top style="thin">
        <color auto="1"/>
      </top>
      <bottom style="dotted">
        <color indexed="64"/>
      </bottom>
      <diagonal/>
    </border>
    <border>
      <left/>
      <right style="thin">
        <color auto="1"/>
      </right>
      <top style="thin">
        <color auto="1"/>
      </top>
      <bottom style="dotted">
        <color indexed="64"/>
      </bottom>
      <diagonal/>
    </border>
    <border>
      <left style="dotted">
        <color indexed="64"/>
      </left>
      <right style="thin">
        <color auto="1"/>
      </right>
      <top style="dotted">
        <color indexed="64"/>
      </top>
      <bottom style="thin">
        <color rgb="FFC00000"/>
      </bottom>
      <diagonal/>
    </border>
    <border>
      <left style="thin">
        <color auto="1"/>
      </left>
      <right/>
      <top/>
      <bottom style="thin">
        <color rgb="FFC00000"/>
      </bottom>
      <diagonal/>
    </border>
    <border>
      <left style="dotted">
        <color indexed="64"/>
      </left>
      <right/>
      <top style="dotted">
        <color indexed="64"/>
      </top>
      <bottom style="thin">
        <color rgb="FFC00000"/>
      </bottom>
      <diagonal/>
    </border>
    <border>
      <left style="thin">
        <color auto="1"/>
      </left>
      <right style="dotted">
        <color indexed="64"/>
      </right>
      <top style="thin">
        <color rgb="FFC00000"/>
      </top>
      <bottom style="thin">
        <color auto="1"/>
      </bottom>
      <diagonal/>
    </border>
    <border>
      <left/>
      <right style="thin">
        <color auto="1"/>
      </right>
      <top style="thin">
        <color rgb="FFC00000"/>
      </top>
      <bottom style="thin">
        <color auto="1"/>
      </bottom>
      <diagonal/>
    </border>
    <border>
      <left style="dotted">
        <color indexed="64"/>
      </left>
      <right style="dotted">
        <color indexed="64"/>
      </right>
      <top style="thin">
        <color rgb="FFC00000"/>
      </top>
      <bottom style="thin">
        <color auto="1"/>
      </bottom>
      <diagonal/>
    </border>
    <border>
      <left style="thin">
        <color auto="1"/>
      </left>
      <right/>
      <top style="thin">
        <color rgb="FFC00000"/>
      </top>
      <bottom style="thin">
        <color auto="1"/>
      </bottom>
      <diagonal/>
    </border>
    <border>
      <left/>
      <right/>
      <top style="thin">
        <color rgb="FFC00000"/>
      </top>
      <bottom style="thin">
        <color auto="1"/>
      </bottom>
      <diagonal/>
    </border>
    <border>
      <left style="dotted">
        <color indexed="64"/>
      </left>
      <right style="thin">
        <color auto="1"/>
      </right>
      <top/>
      <bottom style="thin">
        <color rgb="FFC00000"/>
      </bottom>
      <diagonal/>
    </border>
    <border>
      <left style="thin">
        <color auto="1"/>
      </left>
      <right/>
      <top/>
      <bottom/>
      <diagonal/>
    </border>
    <border>
      <left style="dotted">
        <color indexed="64"/>
      </left>
      <right style="thin">
        <color auto="1"/>
      </right>
      <top style="thin">
        <color rgb="FFC00000"/>
      </top>
      <bottom style="thin">
        <color auto="1"/>
      </bottom>
      <diagonal/>
    </border>
  </borders>
  <cellStyleXfs count="7">
    <xf numFmtId="0" fontId="0" fillId="0" borderId="0"/>
    <xf numFmtId="0" fontId="5" fillId="0" borderId="0" applyNumberFormat="0" applyFill="0" applyBorder="0" applyAlignment="0" applyProtection="0"/>
    <xf numFmtId="0" fontId="8" fillId="0" borderId="0"/>
    <xf numFmtId="0" fontId="11" fillId="0" borderId="0"/>
    <xf numFmtId="0" fontId="14" fillId="0" borderId="0" applyNumberFormat="0" applyFill="0" applyBorder="0" applyProtection="0"/>
    <xf numFmtId="0" fontId="8" fillId="0" borderId="0"/>
    <xf numFmtId="0" fontId="11" fillId="0" borderId="0"/>
  </cellStyleXfs>
  <cellXfs count="244">
    <xf numFmtId="0" fontId="0" fillId="0" borderId="0" xfId="0"/>
    <xf numFmtId="0" fontId="1" fillId="0" borderId="0" xfId="0" applyFont="1"/>
    <xf numFmtId="0" fontId="1" fillId="0" borderId="0" xfId="0" applyFont="1" applyAlignment="1">
      <alignment wrapText="1"/>
    </xf>
    <xf numFmtId="0" fontId="1" fillId="0" borderId="0" xfId="0" applyFont="1" applyAlignment="1"/>
    <xf numFmtId="0" fontId="2" fillId="0" borderId="0" xfId="0" applyFont="1" applyAlignment="1"/>
    <xf numFmtId="0" fontId="1" fillId="0" borderId="0" xfId="0" applyFont="1" applyAlignment="1">
      <alignment vertical="center"/>
    </xf>
    <xf numFmtId="0" fontId="1" fillId="0" borderId="0" xfId="0" applyFont="1" applyAlignment="1">
      <alignment vertical="top" wrapText="1"/>
    </xf>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49" fontId="4" fillId="0" borderId="0" xfId="0" applyNumberFormat="1" applyFont="1" applyBorder="1" applyAlignment="1">
      <alignment wrapText="1"/>
    </xf>
    <xf numFmtId="49" fontId="1" fillId="0" borderId="0" xfId="0" applyNumberFormat="1" applyFont="1"/>
    <xf numFmtId="0" fontId="1" fillId="0" borderId="0" xfId="0" applyFont="1" applyAlignment="1" applyProtection="1">
      <alignment wrapText="1"/>
      <protection locked="0"/>
    </xf>
    <xf numFmtId="0" fontId="1" fillId="0" borderId="0" xfId="0" applyFont="1" applyAlignment="1" applyProtection="1">
      <alignment vertical="center" wrapText="1"/>
      <protection locked="0"/>
    </xf>
    <xf numFmtId="0" fontId="7" fillId="0" borderId="0" xfId="0" applyFont="1" applyProtection="1">
      <protection locked="0"/>
    </xf>
    <xf numFmtId="0" fontId="1" fillId="2" borderId="1" xfId="0" applyFont="1" applyFill="1" applyBorder="1" applyAlignment="1" applyProtection="1">
      <alignment wrapText="1"/>
      <protection locked="0"/>
    </xf>
    <xf numFmtId="0" fontId="7" fillId="0" borderId="0" xfId="0" applyFont="1" applyAlignment="1" applyProtection="1">
      <alignment horizontal="center"/>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0" fontId="9" fillId="0" borderId="0" xfId="2" applyFont="1" applyAlignment="1">
      <alignment vertical="center" wrapText="1"/>
    </xf>
    <xf numFmtId="0" fontId="7" fillId="0" borderId="0" xfId="0" applyFont="1" applyAlignment="1">
      <alignment vertical="center"/>
    </xf>
    <xf numFmtId="0" fontId="1" fillId="0" borderId="0" xfId="0" applyFont="1" applyAlignment="1" applyProtection="1">
      <alignment horizontal="left" wrapText="1"/>
      <protection locked="0"/>
    </xf>
    <xf numFmtId="0" fontId="3" fillId="0" borderId="0" xfId="0" applyFont="1" applyAlignment="1" applyProtection="1">
      <alignment vertical="center" wrapText="1"/>
      <protection locked="0"/>
    </xf>
    <xf numFmtId="164" fontId="1" fillId="0" borderId="0" xfId="0" applyNumberFormat="1" applyFont="1" applyAlignment="1" applyProtection="1">
      <alignment vertical="center" wrapText="1"/>
      <protection locked="0"/>
    </xf>
    <xf numFmtId="0" fontId="7" fillId="0" borderId="0" xfId="0" applyFont="1" applyAlignment="1" applyProtection="1">
      <alignment vertical="top" wrapText="1"/>
      <protection locked="0"/>
    </xf>
    <xf numFmtId="0" fontId="7" fillId="0" borderId="0" xfId="0" applyFont="1" applyAlignment="1" applyProtection="1">
      <alignment vertical="center"/>
      <protection locked="0"/>
    </xf>
    <xf numFmtId="49" fontId="9" fillId="0" borderId="0" xfId="2" applyNumberFormat="1" applyFont="1" applyBorder="1" applyAlignment="1">
      <alignment horizontal="center" vertical="center" wrapText="1"/>
    </xf>
    <xf numFmtId="0" fontId="1" fillId="0" borderId="0" xfId="0" applyFont="1" applyBorder="1" applyAlignment="1">
      <alignment wrapText="1"/>
    </xf>
    <xf numFmtId="0" fontId="1" fillId="0" borderId="0" xfId="0" applyFont="1" applyBorder="1" applyAlignment="1">
      <alignment vertical="center"/>
    </xf>
    <xf numFmtId="49" fontId="1" fillId="0" borderId="10" xfId="0" applyNumberFormat="1" applyFont="1" applyBorder="1" applyAlignment="1">
      <alignment horizontal="center" vertical="center" wrapText="1"/>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1" fillId="0" borderId="0" xfId="0" applyFont="1" applyAlignment="1" applyProtection="1">
      <alignment horizontal="left" wrapText="1"/>
      <protection locked="0"/>
    </xf>
    <xf numFmtId="0" fontId="1" fillId="0" borderId="0" xfId="0" applyFont="1" applyAlignment="1" applyProtection="1">
      <alignment horizontal="right"/>
      <protection locked="0"/>
    </xf>
    <xf numFmtId="0" fontId="2" fillId="0" borderId="8" xfId="0" applyNumberFormat="1" applyFont="1" applyBorder="1" applyAlignment="1">
      <alignment horizontal="center" vertical="top" wrapText="1"/>
    </xf>
    <xf numFmtId="0" fontId="1" fillId="0" borderId="0" xfId="3" applyFont="1" applyAlignment="1">
      <alignment wrapText="1"/>
    </xf>
    <xf numFmtId="0" fontId="1" fillId="0" borderId="0" xfId="3" applyFont="1" applyAlignment="1">
      <alignment vertical="top" wrapText="1"/>
    </xf>
    <xf numFmtId="0" fontId="1" fillId="0" borderId="0" xfId="3" applyFont="1"/>
    <xf numFmtId="0" fontId="3" fillId="0" borderId="0" xfId="0" applyFont="1" applyAlignment="1">
      <alignment vertical="center"/>
    </xf>
    <xf numFmtId="0" fontId="1" fillId="0" borderId="0" xfId="0" applyFont="1" applyAlignment="1">
      <alignment horizontal="left" wrapText="1"/>
    </xf>
    <xf numFmtId="0" fontId="1" fillId="0" borderId="0" xfId="3" applyFont="1" applyAlignment="1">
      <alignment horizontal="left" vertical="center" wrapText="1"/>
    </xf>
    <xf numFmtId="0" fontId="16" fillId="0" borderId="0" xfId="3" applyFont="1" applyAlignment="1">
      <alignment wrapText="1"/>
    </xf>
    <xf numFmtId="0" fontId="16" fillId="0" borderId="0" xfId="3" applyFont="1" applyAlignment="1">
      <alignment vertical="top" wrapText="1"/>
    </xf>
    <xf numFmtId="0" fontId="17" fillId="0" borderId="0" xfId="3" applyFont="1" applyAlignment="1">
      <alignment horizontal="left" vertical="top" wrapText="1"/>
    </xf>
    <xf numFmtId="0" fontId="17" fillId="0" borderId="0" xfId="3" applyFont="1" applyAlignment="1">
      <alignment wrapText="1"/>
    </xf>
    <xf numFmtId="0" fontId="1" fillId="0" borderId="0" xfId="3" applyFont="1" applyAlignment="1">
      <alignment horizontal="left" wrapText="1"/>
    </xf>
    <xf numFmtId="0" fontId="16" fillId="0" borderId="0" xfId="3" applyFont="1" applyAlignment="1">
      <alignment vertical="center" wrapText="1"/>
    </xf>
    <xf numFmtId="0" fontId="1" fillId="0" borderId="0" xfId="3" applyFont="1" applyAlignment="1">
      <alignment vertical="center" wrapText="1"/>
    </xf>
    <xf numFmtId="0" fontId="1" fillId="0" borderId="14" xfId="3" applyFont="1" applyBorder="1" applyAlignment="1">
      <alignment horizontal="left"/>
    </xf>
    <xf numFmtId="0" fontId="1" fillId="0" borderId="0" xfId="3" applyFont="1" applyAlignment="1">
      <alignment horizontal="right" vertical="center"/>
    </xf>
    <xf numFmtId="0" fontId="2" fillId="0" borderId="0" xfId="3" applyFont="1" applyAlignment="1">
      <alignment horizontal="center" vertical="center" wrapText="1"/>
    </xf>
    <xf numFmtId="0" fontId="1" fillId="0" borderId="0" xfId="3" applyFont="1" applyAlignment="1">
      <alignment horizontal="center"/>
    </xf>
    <xf numFmtId="0" fontId="16" fillId="0" borderId="0" xfId="3" applyFont="1"/>
    <xf numFmtId="49" fontId="2" fillId="0" borderId="0" xfId="3" applyNumberFormat="1" applyFont="1" applyAlignment="1">
      <alignment wrapText="1"/>
    </xf>
    <xf numFmtId="3" fontId="16" fillId="0" borderId="0" xfId="3" applyNumberFormat="1" applyFont="1" applyAlignment="1">
      <alignment horizontal="center"/>
    </xf>
    <xf numFmtId="49" fontId="9" fillId="0" borderId="0" xfId="2" applyNumberFormat="1" applyFont="1" applyBorder="1" applyAlignment="1">
      <alignment vertical="top"/>
    </xf>
    <xf numFmtId="49" fontId="15" fillId="0" borderId="0" xfId="2" applyNumberFormat="1" applyFont="1" applyBorder="1" applyAlignment="1">
      <alignment vertical="top"/>
    </xf>
    <xf numFmtId="0" fontId="15" fillId="0" borderId="0" xfId="0" applyNumberFormat="1" applyFont="1" applyAlignment="1">
      <alignment vertical="center"/>
    </xf>
    <xf numFmtId="0" fontId="15" fillId="0" borderId="0" xfId="0" applyNumberFormat="1" applyFont="1" applyAlignment="1" applyProtection="1">
      <alignment wrapText="1"/>
      <protection locked="0"/>
    </xf>
    <xf numFmtId="16" fontId="8" fillId="0" borderId="15" xfId="0" applyNumberFormat="1" applyFont="1" applyBorder="1" applyAlignment="1">
      <alignment horizontal="center" vertical="center" wrapText="1"/>
    </xf>
    <xf numFmtId="0" fontId="20" fillId="0" borderId="16" xfId="0" applyFont="1" applyBorder="1" applyAlignment="1">
      <alignment vertical="center" wrapText="1"/>
    </xf>
    <xf numFmtId="16" fontId="20" fillId="0" borderId="15" xfId="0" applyNumberFormat="1" applyFont="1" applyBorder="1" applyAlignment="1">
      <alignment horizontal="center" vertical="center" wrapText="1"/>
    </xf>
    <xf numFmtId="0" fontId="20" fillId="0" borderId="16" xfId="0" applyFont="1" applyBorder="1" applyAlignment="1">
      <alignment horizontal="left" vertical="center" wrapText="1"/>
    </xf>
    <xf numFmtId="0" fontId="8" fillId="0" borderId="16" xfId="0" applyFont="1" applyFill="1" applyBorder="1" applyAlignment="1">
      <alignment vertical="center" wrapText="1"/>
    </xf>
    <xf numFmtId="0" fontId="8" fillId="0" borderId="16" xfId="0" applyFont="1" applyFill="1" applyBorder="1" applyAlignment="1">
      <alignment horizontal="left" vertical="center" wrapText="1"/>
    </xf>
    <xf numFmtId="0" fontId="8" fillId="3" borderId="16" xfId="0" applyFont="1" applyFill="1" applyBorder="1" applyAlignment="1">
      <alignment horizontal="left" vertical="center" wrapText="1"/>
    </xf>
    <xf numFmtId="0" fontId="8" fillId="3" borderId="16" xfId="0" applyFont="1" applyFill="1" applyBorder="1" applyAlignment="1">
      <alignment horizontal="left" vertical="top" wrapText="1"/>
    </xf>
    <xf numFmtId="0" fontId="8" fillId="3" borderId="13" xfId="0" applyFont="1" applyFill="1" applyBorder="1" applyAlignment="1">
      <alignment horizontal="left" vertical="center" wrapText="1"/>
    </xf>
    <xf numFmtId="0" fontId="20" fillId="0" borderId="16" xfId="0" applyFont="1" applyBorder="1" applyAlignment="1">
      <alignment horizontal="justify" vertical="center"/>
    </xf>
    <xf numFmtId="0" fontId="20" fillId="0" borderId="17" xfId="0" applyFont="1" applyBorder="1" applyAlignment="1">
      <alignment horizontal="justify" vertical="center"/>
    </xf>
    <xf numFmtId="0" fontId="8" fillId="0" borderId="11" xfId="0" applyFont="1" applyBorder="1" applyAlignment="1">
      <alignment horizontal="left" vertical="center" wrapText="1"/>
    </xf>
    <xf numFmtId="0" fontId="20" fillId="0" borderId="12" xfId="0" applyFont="1" applyBorder="1" applyAlignment="1">
      <alignment horizontal="left" vertical="center" wrapText="1"/>
    </xf>
    <xf numFmtId="49" fontId="1" fillId="4" borderId="24" xfId="0" applyNumberFormat="1" applyFont="1" applyFill="1" applyBorder="1" applyAlignment="1">
      <alignment horizontal="center" vertical="center" wrapText="1"/>
    </xf>
    <xf numFmtId="49" fontId="1" fillId="0" borderId="27" xfId="0" applyNumberFormat="1" applyFont="1" applyBorder="1" applyAlignment="1">
      <alignment horizontal="center" vertical="center" wrapText="1"/>
    </xf>
    <xf numFmtId="0" fontId="22" fillId="0" borderId="0" xfId="5" applyFont="1"/>
    <xf numFmtId="164" fontId="20" fillId="0" borderId="0" xfId="0" applyNumberFormat="1" applyFont="1" applyAlignment="1">
      <alignment vertical="center" wrapText="1"/>
    </xf>
    <xf numFmtId="0" fontId="20" fillId="0" borderId="0" xfId="0" applyFont="1" applyAlignment="1">
      <alignment vertical="center" wrapText="1"/>
    </xf>
    <xf numFmtId="0" fontId="12" fillId="0" borderId="0" xfId="0" applyFont="1" applyAlignment="1">
      <alignment horizontal="left"/>
    </xf>
    <xf numFmtId="0" fontId="12" fillId="0" borderId="0" xfId="0" applyFont="1" applyAlignment="1">
      <alignment horizontal="left" vertical="top"/>
    </xf>
    <xf numFmtId="0" fontId="23" fillId="0" borderId="0" xfId="5" applyFont="1" applyAlignment="1"/>
    <xf numFmtId="0" fontId="22" fillId="0" borderId="0" xfId="5" applyFont="1" applyFill="1" applyBorder="1" applyAlignment="1">
      <alignment horizontal="center" vertical="top" wrapText="1"/>
    </xf>
    <xf numFmtId="0" fontId="22" fillId="0" borderId="0" xfId="5" applyFont="1" applyAlignment="1">
      <alignment horizontal="center" vertical="top" wrapText="1"/>
    </xf>
    <xf numFmtId="0" fontId="25" fillId="0" borderId="0" xfId="5" applyFont="1" applyFill="1" applyBorder="1" applyAlignment="1">
      <alignment horizontal="center" vertical="top" wrapText="1"/>
    </xf>
    <xf numFmtId="0" fontId="25" fillId="2" borderId="1" xfId="5" applyFont="1" applyFill="1" applyBorder="1" applyAlignment="1">
      <alignment horizontal="center" vertical="top" wrapText="1"/>
    </xf>
    <xf numFmtId="164" fontId="25" fillId="2" borderId="1" xfId="5" applyNumberFormat="1" applyFont="1" applyFill="1" applyBorder="1" applyAlignment="1">
      <alignment horizontal="center" vertical="top" wrapText="1"/>
    </xf>
    <xf numFmtId="0" fontId="25" fillId="0" borderId="0" xfId="5" applyFont="1" applyAlignment="1">
      <alignment horizontal="center" vertical="top" wrapText="1"/>
    </xf>
    <xf numFmtId="0" fontId="22" fillId="0" borderId="38" xfId="5" applyFont="1" applyBorder="1" applyAlignment="1">
      <alignment horizontal="center" vertical="center" wrapText="1"/>
    </xf>
    <xf numFmtId="0" fontId="12" fillId="0" borderId="38" xfId="0" applyFont="1" applyBorder="1" applyAlignment="1">
      <alignment horizontal="center" vertical="center" wrapText="1"/>
    </xf>
    <xf numFmtId="0" fontId="12" fillId="0" borderId="38" xfId="0" applyFont="1" applyBorder="1" applyAlignment="1">
      <alignment horizontal="center" vertical="center"/>
    </xf>
    <xf numFmtId="0" fontId="22" fillId="0" borderId="0" xfId="5" applyFont="1" applyFill="1" applyBorder="1" applyAlignment="1">
      <alignment vertical="center"/>
    </xf>
    <xf numFmtId="165" fontId="22" fillId="0" borderId="41" xfId="5" applyNumberFormat="1" applyFont="1" applyFill="1" applyBorder="1" applyAlignment="1">
      <alignment horizontal="right" vertical="center"/>
    </xf>
    <xf numFmtId="0" fontId="22" fillId="0" borderId="0" xfId="5" applyFont="1" applyAlignment="1">
      <alignment vertical="center"/>
    </xf>
    <xf numFmtId="0" fontId="12" fillId="0" borderId="42" xfId="5" applyFont="1" applyBorder="1" applyAlignment="1">
      <alignment wrapText="1"/>
    </xf>
    <xf numFmtId="0" fontId="12" fillId="0" borderId="0" xfId="5" applyFont="1" applyBorder="1" applyAlignment="1">
      <alignment wrapText="1"/>
    </xf>
    <xf numFmtId="0" fontId="12" fillId="0" borderId="0" xfId="5" applyFont="1" applyAlignment="1">
      <alignment wrapText="1"/>
    </xf>
    <xf numFmtId="49" fontId="12" fillId="0" borderId="42" xfId="5" applyNumberFormat="1" applyFont="1" applyBorder="1" applyAlignment="1">
      <alignment horizontal="center" wrapText="1"/>
    </xf>
    <xf numFmtId="49" fontId="12" fillId="0" borderId="0" xfId="5" applyNumberFormat="1" applyFont="1" applyBorder="1" applyAlignment="1">
      <alignment horizontal="center" wrapText="1"/>
    </xf>
    <xf numFmtId="9" fontId="12" fillId="0" borderId="0" xfId="5" applyNumberFormat="1" applyFont="1" applyBorder="1" applyAlignment="1">
      <alignment horizontal="center" wrapText="1"/>
    </xf>
    <xf numFmtId="9" fontId="26" fillId="0" borderId="0" xfId="5" applyNumberFormat="1" applyFont="1" applyBorder="1" applyAlignment="1">
      <alignment horizontal="right" vertical="center" wrapText="1"/>
    </xf>
    <xf numFmtId="0" fontId="12" fillId="0" borderId="0" xfId="5" applyFont="1"/>
    <xf numFmtId="0" fontId="22" fillId="0" borderId="0" xfId="5" applyFont="1" applyBorder="1" applyAlignment="1">
      <alignment horizontal="left" vertical="center"/>
    </xf>
    <xf numFmtId="0" fontId="13" fillId="0" borderId="0" xfId="0" applyNumberFormat="1" applyFont="1" applyBorder="1" applyAlignment="1" applyProtection="1">
      <alignment vertical="top"/>
      <protection locked="0"/>
    </xf>
    <xf numFmtId="0" fontId="13" fillId="0" borderId="0" xfId="0" applyNumberFormat="1" applyFont="1" applyBorder="1" applyAlignment="1" applyProtection="1">
      <alignment vertical="top" wrapText="1"/>
      <protection locked="0"/>
    </xf>
    <xf numFmtId="0" fontId="22" fillId="0" borderId="0" xfId="5" applyFont="1" applyBorder="1" applyAlignment="1">
      <alignment horizontal="center" vertical="center" wrapText="1"/>
    </xf>
    <xf numFmtId="164" fontId="22" fillId="0" borderId="0" xfId="5" applyNumberFormat="1" applyFont="1" applyFill="1" applyBorder="1" applyAlignment="1">
      <alignment horizontal="right" vertical="center"/>
    </xf>
    <xf numFmtId="166" fontId="22" fillId="0" borderId="0" xfId="5" applyNumberFormat="1" applyFont="1" applyFill="1" applyBorder="1" applyAlignment="1">
      <alignment horizontal="right" vertical="center"/>
    </xf>
    <xf numFmtId="0" fontId="12" fillId="0" borderId="0" xfId="0" applyFont="1" applyAlignment="1">
      <alignment horizontal="right"/>
    </xf>
    <xf numFmtId="0" fontId="12" fillId="0" borderId="0" xfId="0" applyFont="1" applyAlignment="1">
      <alignment wrapText="1"/>
    </xf>
    <xf numFmtId="0" fontId="21" fillId="0" borderId="8" xfId="0" applyFont="1" applyBorder="1" applyAlignment="1">
      <alignment wrapText="1"/>
    </xf>
    <xf numFmtId="0" fontId="12" fillId="0" borderId="0" xfId="0" applyFont="1" applyAlignment="1">
      <alignment horizontal="right" vertical="center"/>
    </xf>
    <xf numFmtId="49" fontId="12" fillId="0" borderId="0" xfId="5" applyNumberFormat="1" applyFont="1" applyAlignment="1">
      <alignment horizontal="center" wrapText="1"/>
    </xf>
    <xf numFmtId="0" fontId="12" fillId="0" borderId="0" xfId="0" applyFont="1" applyAlignment="1">
      <alignment horizontal="right" vertical="center" wrapText="1"/>
    </xf>
    <xf numFmtId="0" fontId="12" fillId="0" borderId="0" xfId="0" applyFont="1" applyAlignment="1">
      <alignment vertical="center" wrapText="1"/>
    </xf>
    <xf numFmtId="164" fontId="12" fillId="0" borderId="0" xfId="5" applyNumberFormat="1" applyFont="1" applyAlignment="1">
      <alignment horizontal="right" wrapText="1"/>
    </xf>
    <xf numFmtId="0" fontId="12" fillId="0" borderId="0" xfId="6" applyFont="1" applyAlignment="1">
      <alignment wrapText="1"/>
    </xf>
    <xf numFmtId="0" fontId="12" fillId="0" borderId="0" xfId="6" applyFont="1" applyAlignment="1">
      <alignment horizontal="center" vertical="top" wrapText="1"/>
    </xf>
    <xf numFmtId="0" fontId="12" fillId="0" borderId="0" xfId="6" applyFont="1" applyBorder="1" applyAlignment="1">
      <alignment horizontal="center" wrapText="1"/>
    </xf>
    <xf numFmtId="164" fontId="12" fillId="0" borderId="0" xfId="6" applyNumberFormat="1" applyFont="1" applyAlignment="1">
      <alignment wrapText="1"/>
    </xf>
    <xf numFmtId="0" fontId="28" fillId="2" borderId="1" xfId="0" applyFont="1" applyFill="1" applyBorder="1" applyAlignment="1" applyProtection="1">
      <alignment wrapText="1"/>
      <protection locked="0"/>
    </xf>
    <xf numFmtId="0" fontId="27" fillId="0" borderId="0" xfId="0" applyFont="1" applyAlignment="1" applyProtection="1">
      <alignment horizontal="left" vertical="center"/>
      <protection locked="0"/>
    </xf>
    <xf numFmtId="0" fontId="22" fillId="0" borderId="0" xfId="5" applyFont="1" applyAlignment="1">
      <alignment horizontal="left"/>
    </xf>
    <xf numFmtId="0" fontId="22" fillId="0" borderId="0" xfId="5" applyFont="1" applyAlignment="1">
      <alignment horizontal="center"/>
    </xf>
    <xf numFmtId="0" fontId="22" fillId="0" borderId="0" xfId="5" applyFont="1" applyFill="1" applyBorder="1"/>
    <xf numFmtId="164" fontId="22" fillId="0" borderId="0" xfId="5" applyNumberFormat="1" applyFont="1" applyAlignment="1">
      <alignment horizontal="right"/>
    </xf>
    <xf numFmtId="0" fontId="28" fillId="0" borderId="0" xfId="0" applyFont="1" applyAlignment="1" applyProtection="1">
      <alignment wrapText="1"/>
      <protection locked="0"/>
    </xf>
    <xf numFmtId="49" fontId="27" fillId="0" borderId="0" xfId="0" applyNumberFormat="1" applyFont="1" applyAlignment="1" applyProtection="1">
      <alignment vertical="center"/>
      <protection locked="0"/>
    </xf>
    <xf numFmtId="0" fontId="23" fillId="5" borderId="33" xfId="5" applyFont="1" applyFill="1" applyBorder="1" applyAlignment="1">
      <alignment horizontal="center" vertical="top" wrapText="1"/>
    </xf>
    <xf numFmtId="0" fontId="23" fillId="5" borderId="33" xfId="5" applyFont="1" applyFill="1" applyBorder="1" applyAlignment="1">
      <alignment vertical="top" wrapText="1"/>
    </xf>
    <xf numFmtId="0" fontId="23" fillId="5" borderId="36" xfId="5" applyFont="1" applyFill="1" applyBorder="1" applyAlignment="1">
      <alignment vertical="top" wrapText="1"/>
    </xf>
    <xf numFmtId="0" fontId="23" fillId="5" borderId="43" xfId="5" applyFont="1" applyFill="1" applyBorder="1" applyAlignment="1">
      <alignment vertical="top" wrapText="1"/>
    </xf>
    <xf numFmtId="0" fontId="22" fillId="5" borderId="48" xfId="5" applyFont="1" applyFill="1" applyBorder="1" applyAlignment="1">
      <alignment horizontal="center" vertical="top" wrapText="1"/>
    </xf>
    <xf numFmtId="0" fontId="22" fillId="5" borderId="47" xfId="5" applyFont="1" applyFill="1" applyBorder="1" applyAlignment="1">
      <alignment horizontal="center" vertical="top" wrapText="1"/>
    </xf>
    <xf numFmtId="0" fontId="22" fillId="5" borderId="49" xfId="5" applyFont="1" applyFill="1" applyBorder="1" applyAlignment="1">
      <alignment horizontal="center" vertical="top" wrapText="1"/>
    </xf>
    <xf numFmtId="165" fontId="22" fillId="0" borderId="51" xfId="5" applyNumberFormat="1" applyFont="1" applyFill="1" applyBorder="1" applyAlignment="1">
      <alignment horizontal="right" vertical="center"/>
    </xf>
    <xf numFmtId="165" fontId="22" fillId="0" borderId="50" xfId="5" applyNumberFormat="1" applyFont="1" applyFill="1" applyBorder="1" applyAlignment="1">
      <alignment horizontal="right" vertical="center"/>
    </xf>
    <xf numFmtId="165" fontId="22" fillId="0" borderId="52" xfId="5" applyNumberFormat="1" applyFont="1" applyFill="1" applyBorder="1" applyAlignment="1">
      <alignment horizontal="right" vertical="center"/>
    </xf>
    <xf numFmtId="165" fontId="22" fillId="0" borderId="53" xfId="5" applyNumberFormat="1" applyFont="1" applyFill="1" applyBorder="1" applyAlignment="1">
      <alignment horizontal="right" vertical="center"/>
    </xf>
    <xf numFmtId="9" fontId="22" fillId="0" borderId="52" xfId="5" applyNumberFormat="1" applyFont="1" applyFill="1" applyBorder="1" applyAlignment="1">
      <alignment horizontal="center" vertical="center"/>
    </xf>
    <xf numFmtId="165" fontId="22" fillId="0" borderId="54" xfId="5" applyNumberFormat="1" applyFont="1" applyFill="1" applyBorder="1" applyAlignment="1">
      <alignment horizontal="right" vertical="center"/>
    </xf>
    <xf numFmtId="165" fontId="22" fillId="0" borderId="57" xfId="5" applyNumberFormat="1" applyFont="1" applyFill="1" applyBorder="1" applyAlignment="1">
      <alignment horizontal="right" vertical="center"/>
    </xf>
    <xf numFmtId="164" fontId="22" fillId="5" borderId="56" xfId="5" applyNumberFormat="1" applyFont="1" applyFill="1" applyBorder="1" applyAlignment="1">
      <alignment horizontal="center" vertical="top" wrapText="1"/>
    </xf>
    <xf numFmtId="0" fontId="22" fillId="5" borderId="55" xfId="5" applyFont="1" applyFill="1" applyBorder="1" applyAlignment="1">
      <alignment horizontal="center" vertical="top" wrapText="1"/>
    </xf>
    <xf numFmtId="0" fontId="25" fillId="2" borderId="9" xfId="5" applyFont="1" applyFill="1" applyBorder="1" applyAlignment="1">
      <alignment horizontal="center" vertical="top" wrapText="1"/>
    </xf>
    <xf numFmtId="3" fontId="25" fillId="2" borderId="9" xfId="5" applyNumberFormat="1" applyFont="1" applyFill="1" applyBorder="1" applyAlignment="1">
      <alignment horizontal="center" vertical="top" wrapText="1"/>
    </xf>
    <xf numFmtId="0" fontId="1" fillId="0" borderId="0" xfId="0" applyFont="1" applyAlignment="1">
      <alignment horizontal="center"/>
    </xf>
    <xf numFmtId="0" fontId="1" fillId="0" borderId="0" xfId="0" applyFont="1" applyAlignment="1">
      <alignment horizontal="left" wrapText="1"/>
    </xf>
    <xf numFmtId="49" fontId="1" fillId="0" borderId="0" xfId="0" applyNumberFormat="1" applyFont="1" applyBorder="1" applyAlignment="1">
      <alignment horizontal="left" wrapText="1"/>
    </xf>
    <xf numFmtId="49" fontId="5" fillId="0" borderId="0" xfId="1" applyNumberFormat="1" applyBorder="1" applyAlignment="1">
      <alignment horizontal="left" wrapText="1"/>
    </xf>
    <xf numFmtId="49" fontId="7" fillId="0" borderId="0" xfId="0" applyNumberFormat="1" applyFont="1" applyBorder="1" applyAlignment="1">
      <alignment horizontal="left" vertical="center" wrapText="1"/>
    </xf>
    <xf numFmtId="0" fontId="1" fillId="0" borderId="0" xfId="0" applyNumberFormat="1" applyFont="1" applyBorder="1" applyAlignment="1">
      <alignment horizontal="left" wrapText="1"/>
    </xf>
    <xf numFmtId="14" fontId="1" fillId="0" borderId="0" xfId="0" applyNumberFormat="1" applyFont="1" applyBorder="1" applyAlignment="1">
      <alignment horizontal="left" wrapText="1"/>
    </xf>
    <xf numFmtId="0" fontId="1" fillId="0" borderId="0" xfId="0" applyFont="1" applyAlignment="1">
      <alignment horizontal="center"/>
    </xf>
    <xf numFmtId="0" fontId="3" fillId="0" borderId="0" xfId="0" applyFont="1" applyAlignment="1">
      <alignment horizontal="center" vertical="center"/>
    </xf>
    <xf numFmtId="0" fontId="2" fillId="0" borderId="0" xfId="0" applyNumberFormat="1" applyFont="1" applyBorder="1" applyAlignment="1">
      <alignment horizontal="left" wrapText="1"/>
    </xf>
    <xf numFmtId="0" fontId="7" fillId="0" borderId="0" xfId="0" applyFont="1" applyAlignment="1">
      <alignment horizontal="left"/>
    </xf>
    <xf numFmtId="0" fontId="2" fillId="0" borderId="0" xfId="0" applyFont="1" applyAlignment="1">
      <alignment horizontal="left" wrapText="1"/>
    </xf>
    <xf numFmtId="49" fontId="2" fillId="0" borderId="0" xfId="0" applyNumberFormat="1" applyFont="1" applyBorder="1" applyAlignment="1">
      <alignment horizontal="left" wrapText="1"/>
    </xf>
    <xf numFmtId="0" fontId="1" fillId="0" borderId="0" xfId="0" applyFont="1" applyAlignment="1">
      <alignment horizontal="left"/>
    </xf>
    <xf numFmtId="0" fontId="15" fillId="0" borderId="0" xfId="0" applyNumberFormat="1" applyFont="1" applyAlignment="1">
      <alignment horizontal="left" vertical="center" wrapText="1"/>
    </xf>
    <xf numFmtId="49" fontId="1" fillId="0" borderId="5" xfId="0" applyNumberFormat="1" applyFont="1" applyBorder="1" applyAlignment="1">
      <alignment horizontal="center" vertical="center" wrapText="1"/>
    </xf>
    <xf numFmtId="49" fontId="1" fillId="0" borderId="7" xfId="0" applyNumberFormat="1" applyFont="1" applyBorder="1" applyAlignment="1">
      <alignment horizontal="center" vertical="center" wrapText="1"/>
    </xf>
    <xf numFmtId="49" fontId="19" fillId="2" borderId="2" xfId="0" applyNumberFormat="1" applyFont="1" applyFill="1" applyBorder="1" applyAlignment="1">
      <alignment horizontal="left" vertical="center" wrapText="1"/>
    </xf>
    <xf numFmtId="49" fontId="19" fillId="2" borderId="30" xfId="0" applyNumberFormat="1" applyFont="1" applyFill="1" applyBorder="1" applyAlignment="1">
      <alignment horizontal="left" vertical="center" wrapText="1"/>
    </xf>
    <xf numFmtId="0" fontId="1" fillId="0" borderId="0" xfId="0" applyFont="1" applyAlignment="1">
      <alignment horizontal="left" vertical="top" wrapText="1"/>
    </xf>
    <xf numFmtId="49" fontId="1" fillId="0" borderId="0" xfId="0" applyNumberFormat="1" applyFont="1" applyAlignment="1">
      <alignment horizontal="left" wrapText="1"/>
    </xf>
    <xf numFmtId="49" fontId="6" fillId="0" borderId="0" xfId="2" applyNumberFormat="1" applyFont="1" applyBorder="1" applyAlignment="1">
      <alignment horizontal="left"/>
    </xf>
    <xf numFmtId="49" fontId="10" fillId="0" borderId="0" xfId="2" applyNumberFormat="1" applyFont="1" applyBorder="1" applyAlignment="1">
      <alignment horizontal="center" vertical="center" wrapText="1"/>
    </xf>
    <xf numFmtId="49" fontId="2" fillId="4" borderId="22" xfId="0" applyNumberFormat="1" applyFont="1" applyFill="1" applyBorder="1" applyAlignment="1">
      <alignment horizontal="left" vertical="top" wrapText="1"/>
    </xf>
    <xf numFmtId="49" fontId="2" fillId="4" borderId="23" xfId="0" applyNumberFormat="1" applyFont="1" applyFill="1" applyBorder="1" applyAlignment="1">
      <alignment horizontal="left" vertical="top" wrapText="1"/>
    </xf>
    <xf numFmtId="49" fontId="2" fillId="4" borderId="20" xfId="0" applyNumberFormat="1" applyFont="1" applyFill="1" applyBorder="1" applyAlignment="1">
      <alignment horizontal="left" vertical="top" wrapText="1"/>
    </xf>
    <xf numFmtId="49" fontId="2" fillId="4" borderId="21" xfId="0" applyNumberFormat="1" applyFont="1" applyFill="1" applyBorder="1" applyAlignment="1">
      <alignment horizontal="left" vertical="top" wrapText="1"/>
    </xf>
    <xf numFmtId="0" fontId="2" fillId="4" borderId="4" xfId="0" applyFont="1" applyFill="1" applyBorder="1" applyAlignment="1">
      <alignment horizontal="center" vertical="top" wrapText="1"/>
    </xf>
    <xf numFmtId="0" fontId="2" fillId="4" borderId="3" xfId="0" applyFont="1" applyFill="1" applyBorder="1" applyAlignment="1">
      <alignment horizontal="center" vertical="top" wrapText="1"/>
    </xf>
    <xf numFmtId="0" fontId="2" fillId="4" borderId="6" xfId="0" applyFont="1" applyFill="1" applyBorder="1" applyAlignment="1">
      <alignment horizontal="center" vertical="top" wrapText="1"/>
    </xf>
    <xf numFmtId="49" fontId="1" fillId="4" borderId="25" xfId="0" applyNumberFormat="1" applyFont="1" applyFill="1" applyBorder="1" applyAlignment="1">
      <alignment horizontal="center" vertical="center" wrapText="1"/>
    </xf>
    <xf numFmtId="49" fontId="1" fillId="4" borderId="26" xfId="0" applyNumberFormat="1" applyFont="1" applyFill="1" applyBorder="1" applyAlignment="1">
      <alignment horizontal="center" vertical="center" wrapText="1"/>
    </xf>
    <xf numFmtId="49" fontId="1" fillId="0" borderId="28" xfId="0" applyNumberFormat="1" applyFont="1" applyBorder="1" applyAlignment="1">
      <alignment horizontal="center" vertical="center" wrapText="1"/>
    </xf>
    <xf numFmtId="49" fontId="1" fillId="0" borderId="29" xfId="0" applyNumberFormat="1" applyFont="1" applyBorder="1" applyAlignment="1">
      <alignment horizontal="center" vertical="center" wrapText="1"/>
    </xf>
    <xf numFmtId="0" fontId="6" fillId="0" borderId="0" xfId="2" applyFont="1" applyAlignment="1">
      <alignment horizontal="left" vertical="center" wrapText="1"/>
    </xf>
    <xf numFmtId="0" fontId="1" fillId="0" borderId="0" xfId="0" applyFont="1" applyBorder="1" applyAlignment="1">
      <alignment horizontal="left" vertical="top" wrapText="1"/>
    </xf>
    <xf numFmtId="0" fontId="2" fillId="0" borderId="0" xfId="0" applyFont="1" applyBorder="1" applyAlignment="1">
      <alignment horizontal="left" wrapText="1"/>
    </xf>
    <xf numFmtId="0" fontId="9" fillId="0" borderId="0" xfId="2" applyFont="1" applyBorder="1" applyAlignment="1">
      <alignment horizontal="left" vertical="center" wrapText="1"/>
    </xf>
    <xf numFmtId="49" fontId="2" fillId="0" borderId="0" xfId="0" applyNumberFormat="1" applyFont="1" applyAlignment="1">
      <alignment horizontal="left" wrapText="1"/>
    </xf>
    <xf numFmtId="0" fontId="1" fillId="0" borderId="0" xfId="0" applyFont="1" applyBorder="1" applyAlignment="1">
      <alignment horizontal="left" wrapText="1"/>
    </xf>
    <xf numFmtId="16" fontId="8" fillId="0" borderId="18" xfId="0" applyNumberFormat="1" applyFont="1" applyBorder="1" applyAlignment="1">
      <alignment horizontal="center" vertical="center" wrapText="1"/>
    </xf>
    <xf numFmtId="16" fontId="8" fillId="0" borderId="19" xfId="0" applyNumberFormat="1" applyFont="1" applyBorder="1" applyAlignment="1">
      <alignment horizontal="center" vertical="center" wrapText="1"/>
    </xf>
    <xf numFmtId="16" fontId="8" fillId="0" borderId="11" xfId="0" applyNumberFormat="1" applyFont="1" applyBorder="1" applyAlignment="1">
      <alignment horizontal="center" vertical="center" wrapText="1"/>
    </xf>
    <xf numFmtId="0" fontId="8" fillId="0" borderId="18" xfId="0" applyFont="1" applyBorder="1" applyAlignment="1">
      <alignment horizontal="center" vertical="center" wrapText="1"/>
    </xf>
    <xf numFmtId="0" fontId="8" fillId="0" borderId="19" xfId="0" applyFont="1" applyBorder="1" applyAlignment="1">
      <alignment horizontal="center" vertical="center" wrapText="1"/>
    </xf>
    <xf numFmtId="0" fontId="8" fillId="0" borderId="11" xfId="0" applyFont="1" applyBorder="1" applyAlignment="1">
      <alignment horizontal="center" vertical="center" wrapText="1"/>
    </xf>
    <xf numFmtId="0" fontId="19" fillId="3" borderId="0" xfId="0" applyFont="1" applyFill="1" applyAlignment="1">
      <alignment horizontal="left" vertical="center" wrapText="1"/>
    </xf>
    <xf numFmtId="49" fontId="23" fillId="0" borderId="0" xfId="0" applyNumberFormat="1" applyFont="1" applyFill="1" applyAlignment="1">
      <alignment horizontal="left" vertical="center" wrapText="1"/>
    </xf>
    <xf numFmtId="0" fontId="24" fillId="0" borderId="0" xfId="5" applyFont="1" applyAlignment="1">
      <alignment horizontal="center" vertical="center"/>
    </xf>
    <xf numFmtId="0" fontId="23" fillId="5" borderId="33" xfId="5" applyFont="1" applyFill="1" applyBorder="1" applyAlignment="1">
      <alignment horizontal="center" vertical="top" wrapText="1"/>
    </xf>
    <xf numFmtId="0" fontId="23" fillId="5" borderId="9" xfId="5" applyFont="1" applyFill="1" applyBorder="1" applyAlignment="1">
      <alignment horizontal="center" vertical="top" wrapText="1"/>
    </xf>
    <xf numFmtId="0" fontId="23" fillId="5" borderId="34" xfId="5" applyFont="1" applyFill="1" applyBorder="1" applyAlignment="1">
      <alignment horizontal="left" vertical="top" wrapText="1"/>
    </xf>
    <xf numFmtId="0" fontId="23" fillId="5" borderId="23" xfId="5" applyFont="1" applyFill="1" applyBorder="1" applyAlignment="1">
      <alignment horizontal="left" vertical="top" wrapText="1"/>
    </xf>
    <xf numFmtId="0" fontId="23" fillId="5" borderId="32" xfId="5" applyFont="1" applyFill="1" applyBorder="1" applyAlignment="1">
      <alignment horizontal="left" vertical="top" wrapText="1"/>
    </xf>
    <xf numFmtId="0" fontId="23" fillId="5" borderId="35" xfId="5" applyFont="1" applyFill="1" applyBorder="1" applyAlignment="1">
      <alignment horizontal="left" vertical="top" wrapText="1"/>
    </xf>
    <xf numFmtId="3" fontId="23" fillId="5" borderId="33" xfId="5" applyNumberFormat="1" applyFont="1" applyFill="1" applyBorder="1" applyAlignment="1">
      <alignment horizontal="center" vertical="top" wrapText="1"/>
    </xf>
    <xf numFmtId="3" fontId="23" fillId="5" borderId="9" xfId="5" applyNumberFormat="1" applyFont="1" applyFill="1" applyBorder="1" applyAlignment="1">
      <alignment horizontal="center" vertical="top" wrapText="1"/>
    </xf>
    <xf numFmtId="0" fontId="23" fillId="5" borderId="44" xfId="5" applyFont="1" applyFill="1" applyBorder="1" applyAlignment="1">
      <alignment horizontal="center" vertical="top" wrapText="1"/>
    </xf>
    <xf numFmtId="0" fontId="23" fillId="5" borderId="45" xfId="5" applyFont="1" applyFill="1" applyBorder="1" applyAlignment="1">
      <alignment horizontal="center" vertical="top" wrapText="1"/>
    </xf>
    <xf numFmtId="0" fontId="23" fillId="5" borderId="46" xfId="5" applyFont="1" applyFill="1" applyBorder="1" applyAlignment="1">
      <alignment horizontal="center" vertical="top" wrapText="1"/>
    </xf>
    <xf numFmtId="164" fontId="23" fillId="5" borderId="44" xfId="5" applyNumberFormat="1" applyFont="1" applyFill="1" applyBorder="1" applyAlignment="1">
      <alignment horizontal="center" vertical="top" wrapText="1"/>
    </xf>
    <xf numFmtId="164" fontId="23" fillId="5" borderId="46" xfId="5" applyNumberFormat="1" applyFont="1" applyFill="1" applyBorder="1" applyAlignment="1">
      <alignment horizontal="center" vertical="top" wrapText="1"/>
    </xf>
    <xf numFmtId="0" fontId="25" fillId="2" borderId="31" xfId="5" applyFont="1" applyFill="1" applyBorder="1" applyAlignment="1">
      <alignment horizontal="center" vertical="top" wrapText="1"/>
    </xf>
    <xf numFmtId="0" fontId="25" fillId="2" borderId="37" xfId="5" applyFont="1" applyFill="1" applyBorder="1" applyAlignment="1">
      <alignment horizontal="center" vertical="top" wrapText="1"/>
    </xf>
    <xf numFmtId="0" fontId="22" fillId="0" borderId="39" xfId="5" applyFont="1" applyBorder="1" applyAlignment="1">
      <alignment horizontal="left" vertical="center" wrapText="1"/>
    </xf>
    <xf numFmtId="0" fontId="22" fillId="0" borderId="40" xfId="5" applyFont="1" applyBorder="1" applyAlignment="1">
      <alignment horizontal="left" vertical="center" wrapText="1"/>
    </xf>
    <xf numFmtId="0" fontId="21" fillId="0" borderId="14" xfId="0" applyFont="1" applyBorder="1" applyAlignment="1">
      <alignment horizontal="center"/>
    </xf>
    <xf numFmtId="14" fontId="12" fillId="0" borderId="0" xfId="0" applyNumberFormat="1" applyFont="1" applyBorder="1" applyAlignment="1" applyProtection="1">
      <alignment horizontal="left" wrapText="1"/>
      <protection locked="0"/>
    </xf>
    <xf numFmtId="0" fontId="27" fillId="0" borderId="0" xfId="0" applyFont="1" applyAlignment="1" applyProtection="1">
      <alignment horizontal="left"/>
      <protection locked="0"/>
    </xf>
    <xf numFmtId="0" fontId="13" fillId="0" borderId="0" xfId="0" applyNumberFormat="1" applyFont="1" applyBorder="1" applyAlignment="1">
      <alignment horizontal="left" vertical="center" wrapText="1"/>
    </xf>
    <xf numFmtId="0" fontId="12" fillId="0" borderId="0" xfId="0" applyNumberFormat="1" applyFont="1" applyBorder="1" applyAlignment="1" applyProtection="1">
      <alignment horizontal="left" wrapText="1"/>
      <protection locked="0"/>
    </xf>
    <xf numFmtId="0" fontId="12" fillId="0" borderId="0" xfId="0" applyNumberFormat="1" applyFont="1" applyBorder="1" applyAlignment="1">
      <alignment horizontal="left" vertical="center" wrapText="1"/>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1" fillId="0" borderId="0" xfId="0" applyFont="1" applyAlignment="1" applyProtection="1">
      <alignment horizontal="left" vertical="top" wrapText="1"/>
      <protection locked="0"/>
    </xf>
    <xf numFmtId="0" fontId="15" fillId="0" borderId="0" xfId="0" applyNumberFormat="1" applyFont="1" applyAlignment="1" applyProtection="1">
      <alignment horizontal="left" vertical="center" wrapText="1"/>
      <protection locked="0"/>
    </xf>
    <xf numFmtId="0" fontId="1" fillId="0" borderId="0" xfId="0" applyFont="1" applyAlignment="1" applyProtection="1">
      <alignment horizontal="left" vertical="center" wrapText="1"/>
      <protection locked="0"/>
    </xf>
    <xf numFmtId="0" fontId="1" fillId="0" borderId="0" xfId="0" applyFont="1" applyAlignment="1">
      <alignment horizontal="left" vertical="center" wrapText="1"/>
    </xf>
    <xf numFmtId="0" fontId="7" fillId="0" borderId="0" xfId="0" applyFont="1" applyAlignment="1" applyProtection="1">
      <alignment horizontal="left"/>
      <protection locked="0"/>
    </xf>
    <xf numFmtId="0" fontId="7" fillId="0" borderId="0" xfId="0" applyFont="1" applyAlignment="1" applyProtection="1">
      <alignment horizontal="left" vertical="center" wrapText="1"/>
      <protection locked="0"/>
    </xf>
    <xf numFmtId="0" fontId="1" fillId="0" borderId="0" xfId="3" applyFont="1" applyAlignment="1">
      <alignment horizontal="left" vertical="top" wrapText="1"/>
    </xf>
    <xf numFmtId="0" fontId="1" fillId="0" borderId="0" xfId="3" applyFont="1" applyAlignment="1">
      <alignment horizontal="left"/>
    </xf>
    <xf numFmtId="0" fontId="1" fillId="0" borderId="0" xfId="3" applyFont="1" applyAlignment="1">
      <alignment horizontal="left" wrapText="1"/>
    </xf>
    <xf numFmtId="0" fontId="1" fillId="0" borderId="0" xfId="3" quotePrefix="1" applyFont="1" applyAlignment="1">
      <alignment horizontal="left" vertical="top" wrapText="1"/>
    </xf>
    <xf numFmtId="0" fontId="1" fillId="0" borderId="0" xfId="3" applyFont="1" applyAlignment="1">
      <alignment horizontal="left" vertical="center" wrapText="1"/>
    </xf>
    <xf numFmtId="0" fontId="18" fillId="0" borderId="0" xfId="3" applyFont="1" applyAlignment="1">
      <alignment horizontal="left" vertical="top" wrapText="1"/>
    </xf>
    <xf numFmtId="0" fontId="3" fillId="0" borderId="0" xfId="3" applyFont="1" applyAlignment="1">
      <alignment horizontal="center" wrapText="1"/>
    </xf>
    <xf numFmtId="0" fontId="2" fillId="0" borderId="0" xfId="3" quotePrefix="1" applyFont="1" applyAlignment="1">
      <alignment horizontal="left" vertical="top" wrapText="1"/>
    </xf>
    <xf numFmtId="0" fontId="2" fillId="0" borderId="0" xfId="3" applyFont="1" applyAlignment="1">
      <alignment horizontal="left" vertical="top" wrapText="1"/>
    </xf>
    <xf numFmtId="0" fontId="1" fillId="0" borderId="0" xfId="0" applyNumberFormat="1" applyFont="1" applyBorder="1" applyAlignment="1" applyProtection="1">
      <alignment horizontal="left" wrapText="1"/>
      <protection locked="0"/>
    </xf>
    <xf numFmtId="0" fontId="1" fillId="0" borderId="0" xfId="0" applyNumberFormat="1" applyFont="1" applyBorder="1" applyAlignment="1" applyProtection="1">
      <alignment horizontal="left" vertical="top" wrapText="1"/>
      <protection locked="0"/>
    </xf>
    <xf numFmtId="0" fontId="2" fillId="0" borderId="0" xfId="0" applyNumberFormat="1" applyFont="1" applyBorder="1" applyAlignment="1" applyProtection="1">
      <alignment horizontal="left" vertical="top" wrapText="1"/>
      <protection locked="0"/>
    </xf>
    <xf numFmtId="14" fontId="1" fillId="0" borderId="0" xfId="0" applyNumberFormat="1" applyFont="1" applyAlignment="1">
      <alignment horizontal="left" wrapText="1"/>
    </xf>
    <xf numFmtId="14" fontId="1" fillId="0" borderId="0" xfId="3" applyNumberFormat="1" applyFont="1" applyAlignment="1">
      <alignment horizontal="left" vertical="center" wrapText="1"/>
    </xf>
    <xf numFmtId="14" fontId="1" fillId="0" borderId="0" xfId="0" applyNumberFormat="1" applyFont="1" applyBorder="1" applyAlignment="1" applyProtection="1">
      <alignment horizontal="left" wrapText="1"/>
      <protection locked="0"/>
    </xf>
  </cellXfs>
  <cellStyles count="7">
    <cellStyle name="Hypertextové prepojenie" xfId="1" builtinId="8"/>
    <cellStyle name="Normálna 2" xfId="3"/>
    <cellStyle name="Normálna 2 2" xfId="5"/>
    <cellStyle name="Normálna 3" xfId="4"/>
    <cellStyle name="Normálne" xfId="0" builtinId="0"/>
    <cellStyle name="normálne 2 2" xfId="2"/>
    <cellStyle name="Normálne 4" xfId="6"/>
  </cellStyles>
  <dxfs count="3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4DBE94C\02.%20Pr&#237;loha%20&#269;.%201,%202,%203,%204,%205,%206,%207..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sheetName val="Príloha č. 3"/>
      <sheetName val="Príloha č. 4"/>
      <sheetName val="Príloha č.5"/>
      <sheetName val="Príloha č. 6"/>
      <sheetName val="Príloha č. 7  "/>
    </sheetNames>
    <sheetDataSet>
      <sheetData sheetId="0"/>
      <sheetData sheetId="1" refreshError="1"/>
      <sheetData sheetId="2" refreshError="1"/>
      <sheetData sheetId="3" refreshError="1"/>
      <sheetData sheetId="4"/>
      <sheetData sheetId="5" refreshError="1"/>
      <sheetData sheetId="6" refreshError="1"/>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32"/>
  <sheetViews>
    <sheetView showGridLines="0" tabSelected="1" zoomScale="90" zoomScaleNormal="90" workbookViewId="0">
      <selection activeCell="M27" sqref="M27"/>
    </sheetView>
  </sheetViews>
  <sheetFormatPr defaultColWidth="9.140625"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161" t="s">
        <v>13</v>
      </c>
      <c r="B1" s="161"/>
    </row>
    <row r="2" spans="1:10" ht="34.5" customHeight="1" x14ac:dyDescent="0.25">
      <c r="A2" s="162" t="s">
        <v>45</v>
      </c>
      <c r="B2" s="162"/>
      <c r="C2" s="162"/>
      <c r="D2" s="162"/>
      <c r="E2" s="61"/>
      <c r="F2" s="61"/>
    </row>
    <row r="3" spans="1:10" ht="14.45" customHeight="1" x14ac:dyDescent="0.25">
      <c r="A3" s="155"/>
      <c r="B3" s="155"/>
      <c r="C3" s="155"/>
    </row>
    <row r="4" spans="1:10" s="5" customFormat="1" ht="24.95" customHeight="1" x14ac:dyDescent="0.25">
      <c r="A4" s="156" t="s">
        <v>0</v>
      </c>
      <c r="B4" s="156"/>
      <c r="C4" s="156"/>
      <c r="D4" s="156"/>
      <c r="E4" s="42"/>
      <c r="F4" s="42"/>
      <c r="G4" s="42"/>
      <c r="H4" s="42"/>
      <c r="I4" s="42"/>
      <c r="J4" s="42"/>
    </row>
    <row r="6" spans="1:10" ht="20.100000000000001" customHeight="1" x14ac:dyDescent="0.25">
      <c r="A6" s="149" t="s">
        <v>1</v>
      </c>
      <c r="B6" s="149"/>
      <c r="C6" s="157"/>
      <c r="D6" s="157"/>
      <c r="F6" s="12"/>
    </row>
    <row r="7" spans="1:10" ht="20.100000000000001" customHeight="1" x14ac:dyDescent="0.25">
      <c r="A7" s="149" t="s">
        <v>2</v>
      </c>
      <c r="B7" s="149"/>
      <c r="C7" s="153"/>
      <c r="D7" s="153"/>
    </row>
    <row r="8" spans="1:10" ht="20.100000000000001" customHeight="1" x14ac:dyDescent="0.25">
      <c r="A8" s="149" t="s">
        <v>3</v>
      </c>
      <c r="B8" s="149"/>
      <c r="C8" s="153"/>
      <c r="D8" s="153"/>
    </row>
    <row r="9" spans="1:10" ht="20.100000000000001" customHeight="1" x14ac:dyDescent="0.25">
      <c r="A9" s="149" t="s">
        <v>4</v>
      </c>
      <c r="B9" s="149"/>
      <c r="C9" s="153"/>
      <c r="D9" s="153"/>
    </row>
    <row r="10" spans="1:10" x14ac:dyDescent="0.25">
      <c r="A10" s="2"/>
      <c r="B10" s="2"/>
      <c r="C10" s="2"/>
    </row>
    <row r="11" spans="1:10" x14ac:dyDescent="0.25">
      <c r="A11" s="159" t="s">
        <v>8</v>
      </c>
      <c r="B11" s="159"/>
      <c r="C11" s="159"/>
      <c r="D11" s="4"/>
      <c r="E11" s="4"/>
      <c r="F11" s="4"/>
      <c r="G11" s="4"/>
      <c r="H11" s="4"/>
      <c r="I11" s="4"/>
      <c r="J11" s="4"/>
    </row>
    <row r="12" spans="1:10" ht="20.100000000000001" customHeight="1" x14ac:dyDescent="0.25">
      <c r="A12" s="149" t="s">
        <v>5</v>
      </c>
      <c r="B12" s="149"/>
      <c r="C12" s="160"/>
      <c r="D12" s="160"/>
    </row>
    <row r="13" spans="1:10" ht="20.100000000000001" customHeight="1" x14ac:dyDescent="0.25">
      <c r="A13" s="149" t="s">
        <v>19</v>
      </c>
      <c r="B13" s="149"/>
      <c r="C13" s="160"/>
      <c r="D13" s="160"/>
    </row>
    <row r="14" spans="1:10" ht="20.100000000000001" customHeight="1" x14ac:dyDescent="0.25">
      <c r="A14" s="149" t="s">
        <v>6</v>
      </c>
      <c r="B14" s="149"/>
      <c r="C14" s="150"/>
      <c r="D14" s="150"/>
    </row>
    <row r="15" spans="1:10" ht="20.100000000000001" customHeight="1" x14ac:dyDescent="0.25">
      <c r="A15" s="149" t="s">
        <v>7</v>
      </c>
      <c r="B15" s="149"/>
      <c r="C15" s="151"/>
      <c r="D15" s="150"/>
    </row>
    <row r="16" spans="1:10" x14ac:dyDescent="0.25">
      <c r="A16" s="2"/>
      <c r="B16" s="2"/>
      <c r="C16" s="2"/>
    </row>
    <row r="17" spans="1:12" ht="20.100000000000001" customHeight="1" x14ac:dyDescent="0.25">
      <c r="A17" s="159" t="s">
        <v>96</v>
      </c>
      <c r="B17" s="159"/>
      <c r="C17" s="159"/>
      <c r="D17" s="4"/>
    </row>
    <row r="18" spans="1:12" ht="20.100000000000001" customHeight="1" x14ac:dyDescent="0.25">
      <c r="A18" s="149" t="s">
        <v>5</v>
      </c>
      <c r="B18" s="149"/>
      <c r="C18" s="160"/>
      <c r="D18" s="160"/>
    </row>
    <row r="19" spans="1:12" ht="20.100000000000001" customHeight="1" x14ac:dyDescent="0.25">
      <c r="A19" s="149" t="s">
        <v>97</v>
      </c>
      <c r="B19" s="149"/>
      <c r="C19" s="150"/>
      <c r="D19" s="150"/>
    </row>
    <row r="20" spans="1:12" ht="20.100000000000001" customHeight="1" x14ac:dyDescent="0.25">
      <c r="A20" s="149" t="s">
        <v>6</v>
      </c>
      <c r="B20" s="149"/>
      <c r="C20" s="150"/>
      <c r="D20" s="150"/>
    </row>
    <row r="21" spans="1:12" ht="20.100000000000001" customHeight="1" x14ac:dyDescent="0.25">
      <c r="A21" s="149" t="s">
        <v>7</v>
      </c>
      <c r="B21" s="149"/>
      <c r="C21" s="151"/>
      <c r="D21" s="150"/>
    </row>
    <row r="22" spans="1:12" ht="12.75" customHeight="1" x14ac:dyDescent="0.25">
      <c r="A22" s="155"/>
      <c r="B22" s="155"/>
      <c r="C22" s="155"/>
    </row>
    <row r="23" spans="1:12" ht="24.95" customHeight="1" x14ac:dyDescent="0.25">
      <c r="A23" s="148"/>
      <c r="B23" s="148"/>
      <c r="C23" s="148"/>
    </row>
    <row r="24" spans="1:12" ht="20.100000000000001" customHeight="1" x14ac:dyDescent="0.25">
      <c r="A24" s="1" t="s">
        <v>9</v>
      </c>
      <c r="B24" s="153"/>
      <c r="C24" s="153"/>
    </row>
    <row r="25" spans="1:12" ht="20.100000000000001" customHeight="1" x14ac:dyDescent="0.25">
      <c r="A25" s="3" t="s">
        <v>11</v>
      </c>
      <c r="B25" s="154"/>
      <c r="C25" s="154"/>
    </row>
    <row r="27" spans="1:12" s="13" customFormat="1" ht="24.95" customHeight="1" x14ac:dyDescent="0.25">
      <c r="C27" s="37" t="s">
        <v>29</v>
      </c>
      <c r="D27" s="2"/>
      <c r="K27" s="28"/>
      <c r="L27" s="28"/>
    </row>
    <row r="28" spans="1:12" s="13" customFormat="1" ht="24.95" customHeight="1" x14ac:dyDescent="0.25">
      <c r="C28" s="37" t="s">
        <v>30</v>
      </c>
      <c r="D28" s="38"/>
    </row>
    <row r="31" spans="1:12" s="7" customFormat="1" ht="11.25" x14ac:dyDescent="0.2">
      <c r="A31" s="158" t="s">
        <v>12</v>
      </c>
      <c r="B31" s="158"/>
    </row>
    <row r="32" spans="1:12" s="8" customFormat="1" ht="15" customHeight="1" x14ac:dyDescent="0.2">
      <c r="A32" s="11"/>
      <c r="B32" s="152" t="s">
        <v>14</v>
      </c>
      <c r="C32" s="152"/>
      <c r="D32" s="9"/>
      <c r="E32" s="10"/>
    </row>
  </sheetData>
  <mergeCells count="35">
    <mergeCell ref="A1:B1"/>
    <mergeCell ref="A15:B15"/>
    <mergeCell ref="A14:B14"/>
    <mergeCell ref="A12:B12"/>
    <mergeCell ref="A11:C11"/>
    <mergeCell ref="A3:C3"/>
    <mergeCell ref="C12:D12"/>
    <mergeCell ref="A8:B8"/>
    <mergeCell ref="A7:B7"/>
    <mergeCell ref="A6:B6"/>
    <mergeCell ref="A13:B13"/>
    <mergeCell ref="C13:D13"/>
    <mergeCell ref="A2:D2"/>
    <mergeCell ref="B32:C32"/>
    <mergeCell ref="B24:C24"/>
    <mergeCell ref="B25:C25"/>
    <mergeCell ref="A22:C22"/>
    <mergeCell ref="A4:D4"/>
    <mergeCell ref="C6:D6"/>
    <mergeCell ref="A31:B31"/>
    <mergeCell ref="C7:D7"/>
    <mergeCell ref="C8:D8"/>
    <mergeCell ref="C9:D9"/>
    <mergeCell ref="C15:D15"/>
    <mergeCell ref="C14:D14"/>
    <mergeCell ref="A9:B9"/>
    <mergeCell ref="A17:C17"/>
    <mergeCell ref="A18:B18"/>
    <mergeCell ref="C18:D18"/>
    <mergeCell ref="A19:B19"/>
    <mergeCell ref="C19:D19"/>
    <mergeCell ref="A20:B20"/>
    <mergeCell ref="C20:D20"/>
    <mergeCell ref="A21:B21"/>
    <mergeCell ref="C21:D21"/>
  </mergeCells>
  <conditionalFormatting sqref="C6:D6">
    <cfRule type="containsBlanks" dxfId="35" priority="16">
      <formula>LEN(TRIM(C6))=0</formula>
    </cfRule>
  </conditionalFormatting>
  <conditionalFormatting sqref="C7:D9">
    <cfRule type="containsBlanks" dxfId="34" priority="13">
      <formula>LEN(TRIM(C7))=0</formula>
    </cfRule>
  </conditionalFormatting>
  <conditionalFormatting sqref="C12:D15">
    <cfRule type="containsBlanks" dxfId="33" priority="12">
      <formula>LEN(TRIM(C12))=0</formula>
    </cfRule>
  </conditionalFormatting>
  <conditionalFormatting sqref="A32:B32">
    <cfRule type="containsBlanks" dxfId="32" priority="11">
      <formula>LEN(TRIM(A32))=0</formula>
    </cfRule>
  </conditionalFormatting>
  <conditionalFormatting sqref="B24:C25">
    <cfRule type="containsBlanks" dxfId="31" priority="4">
      <formula>LEN(TRIM(B24))=0</formula>
    </cfRule>
  </conditionalFormatting>
  <conditionalFormatting sqref="D28">
    <cfRule type="containsBlanks" dxfId="30" priority="3">
      <formula>LEN(TRIM(D28))=0</formula>
    </cfRule>
  </conditionalFormatting>
  <conditionalFormatting sqref="C19:D19">
    <cfRule type="containsBlanks" dxfId="29" priority="1">
      <formula>LEN(TRIM(C19))=0</formula>
    </cfRule>
  </conditionalFormatting>
  <conditionalFormatting sqref="C18:D18 C20:D21">
    <cfRule type="containsBlanks" dxfId="28" priority="2">
      <formula>LEN(TRIM(C18))=0</formula>
    </cfRule>
  </conditionalFormatting>
  <pageMargins left="0.98425196850393704" right="0.39370078740157483" top="0.98425196850393704" bottom="0.39370078740157483" header="0.31496062992125984" footer="0.31496062992125984"/>
  <pageSetup paperSize="9" orientation="portrait" r:id="rId1"/>
  <headerFooter>
    <oddHeader>&amp;L&amp;"Times New Roman,Tučné"Príloha č. 1 &amp;"Times New Roman,Normálne"
Identifikačné údaje uchádzača</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L73"/>
  <sheetViews>
    <sheetView showGridLines="0" topLeftCell="A31" zoomScale="90" zoomScaleNormal="90" workbookViewId="0">
      <selection activeCell="D70" sqref="D70"/>
    </sheetView>
  </sheetViews>
  <sheetFormatPr defaultColWidth="9.140625" defaultRowHeight="15" x14ac:dyDescent="0.25"/>
  <cols>
    <col min="1" max="1" width="5" style="2" bestFit="1" customWidth="1"/>
    <col min="2" max="2" width="57.85546875" style="2" customWidth="1"/>
    <col min="3" max="3" width="14.85546875" style="2" customWidth="1"/>
    <col min="4" max="4" width="31.85546875" style="2" customWidth="1"/>
    <col min="5" max="5" width="18.140625" style="2" customWidth="1"/>
    <col min="6" max="16384" width="9.140625" style="2"/>
  </cols>
  <sheetData>
    <row r="1" spans="1:6" s="6" customFormat="1" ht="21" customHeight="1" x14ac:dyDescent="0.25">
      <c r="A1" s="169" t="s">
        <v>13</v>
      </c>
      <c r="B1" s="169"/>
      <c r="C1" s="30"/>
      <c r="D1" s="30"/>
      <c r="E1" s="30"/>
    </row>
    <row r="2" spans="1:6" s="6" customFormat="1" ht="14.25" customHeight="1" x14ac:dyDescent="0.25">
      <c r="A2" s="60" t="s">
        <v>45</v>
      </c>
      <c r="B2" s="59"/>
      <c r="C2" s="30"/>
      <c r="D2" s="30"/>
      <c r="E2" s="30"/>
    </row>
    <row r="3" spans="1:6" s="6" customFormat="1" ht="24.95" customHeight="1" x14ac:dyDescent="0.25">
      <c r="A3" s="170" t="s">
        <v>24</v>
      </c>
      <c r="B3" s="170"/>
      <c r="C3" s="170"/>
      <c r="D3" s="170"/>
      <c r="E3" s="170"/>
    </row>
    <row r="4" spans="1:6" ht="15.75" thickBot="1" x14ac:dyDescent="0.3"/>
    <row r="5" spans="1:6" s="6" customFormat="1" ht="126.75" customHeight="1" x14ac:dyDescent="0.25">
      <c r="A5" s="171" t="s">
        <v>25</v>
      </c>
      <c r="B5" s="172"/>
      <c r="C5" s="175" t="s">
        <v>35</v>
      </c>
      <c r="D5" s="176"/>
      <c r="E5" s="177"/>
    </row>
    <row r="6" spans="1:6" s="6" customFormat="1" ht="63.75" customHeight="1" x14ac:dyDescent="0.25">
      <c r="A6" s="173"/>
      <c r="B6" s="174"/>
      <c r="C6" s="76" t="s">
        <v>26</v>
      </c>
      <c r="D6" s="178" t="s">
        <v>27</v>
      </c>
      <c r="E6" s="179"/>
    </row>
    <row r="7" spans="1:6" s="5" customFormat="1" ht="36" customHeight="1" x14ac:dyDescent="0.25">
      <c r="A7" s="165" t="s">
        <v>98</v>
      </c>
      <c r="B7" s="165"/>
      <c r="C7" s="165"/>
      <c r="D7" s="165"/>
      <c r="E7" s="166"/>
    </row>
    <row r="8" spans="1:6" s="5" customFormat="1" ht="51" x14ac:dyDescent="0.25">
      <c r="A8" s="74" t="s">
        <v>15</v>
      </c>
      <c r="B8" s="75" t="s">
        <v>46</v>
      </c>
      <c r="C8" s="77"/>
      <c r="D8" s="180"/>
      <c r="E8" s="181"/>
      <c r="F8" s="32"/>
    </row>
    <row r="9" spans="1:6" s="5" customFormat="1" ht="25.5" x14ac:dyDescent="0.25">
      <c r="A9" s="191" t="s">
        <v>16</v>
      </c>
      <c r="B9" s="66" t="s">
        <v>47</v>
      </c>
      <c r="C9" s="33"/>
      <c r="D9" s="163"/>
      <c r="E9" s="164"/>
      <c r="F9" s="32"/>
    </row>
    <row r="10" spans="1:6" s="5" customFormat="1" ht="25.5" x14ac:dyDescent="0.25">
      <c r="A10" s="192"/>
      <c r="B10" s="66" t="s">
        <v>48</v>
      </c>
      <c r="C10" s="33"/>
      <c r="D10" s="163"/>
      <c r="E10" s="164"/>
      <c r="F10" s="32"/>
    </row>
    <row r="11" spans="1:6" s="5" customFormat="1" x14ac:dyDescent="0.25">
      <c r="A11" s="192"/>
      <c r="B11" s="66" t="s">
        <v>49</v>
      </c>
      <c r="C11" s="33"/>
      <c r="D11" s="163"/>
      <c r="E11" s="164"/>
      <c r="F11" s="32"/>
    </row>
    <row r="12" spans="1:6" s="5" customFormat="1" x14ac:dyDescent="0.25">
      <c r="A12" s="192"/>
      <c r="B12" s="66" t="s">
        <v>50</v>
      </c>
      <c r="C12" s="33"/>
      <c r="D12" s="163"/>
      <c r="E12" s="164"/>
      <c r="F12" s="32"/>
    </row>
    <row r="13" spans="1:6" s="5" customFormat="1" x14ac:dyDescent="0.25">
      <c r="A13" s="193"/>
      <c r="B13" s="66" t="s">
        <v>51</v>
      </c>
      <c r="C13" s="33"/>
      <c r="D13" s="163"/>
      <c r="E13" s="164"/>
      <c r="F13" s="32"/>
    </row>
    <row r="14" spans="1:6" s="5" customFormat="1" ht="25.5" x14ac:dyDescent="0.25">
      <c r="A14" s="188" t="s">
        <v>17</v>
      </c>
      <c r="B14" s="64" t="s">
        <v>52</v>
      </c>
      <c r="C14" s="33"/>
      <c r="D14" s="163"/>
      <c r="E14" s="164"/>
      <c r="F14" s="32"/>
    </row>
    <row r="15" spans="1:6" s="5" customFormat="1" ht="38.25" x14ac:dyDescent="0.25">
      <c r="A15" s="189"/>
      <c r="B15" s="64" t="s">
        <v>53</v>
      </c>
      <c r="C15" s="33"/>
      <c r="D15" s="163"/>
      <c r="E15" s="164"/>
      <c r="F15" s="32"/>
    </row>
    <row r="16" spans="1:6" s="5" customFormat="1" ht="38.25" x14ac:dyDescent="0.25">
      <c r="A16" s="189"/>
      <c r="B16" s="64" t="s">
        <v>54</v>
      </c>
      <c r="C16" s="33"/>
      <c r="D16" s="163"/>
      <c r="E16" s="164"/>
      <c r="F16" s="32"/>
    </row>
    <row r="17" spans="1:6" s="5" customFormat="1" ht="38.25" x14ac:dyDescent="0.25">
      <c r="A17" s="189"/>
      <c r="B17" s="72" t="s">
        <v>55</v>
      </c>
      <c r="C17" s="33"/>
      <c r="D17" s="163"/>
      <c r="E17" s="164"/>
      <c r="F17" s="32"/>
    </row>
    <row r="18" spans="1:6" s="5" customFormat="1" ht="76.5" x14ac:dyDescent="0.25">
      <c r="A18" s="189"/>
      <c r="B18" s="64" t="s">
        <v>56</v>
      </c>
      <c r="C18" s="33"/>
      <c r="D18" s="163"/>
      <c r="E18" s="164"/>
      <c r="F18" s="32"/>
    </row>
    <row r="19" spans="1:6" s="5" customFormat="1" ht="76.5" x14ac:dyDescent="0.25">
      <c r="A19" s="189"/>
      <c r="B19" s="64" t="s">
        <v>57</v>
      </c>
      <c r="C19" s="33"/>
      <c r="D19" s="163"/>
      <c r="E19" s="164"/>
      <c r="F19" s="32"/>
    </row>
    <row r="20" spans="1:6" s="5" customFormat="1" ht="25.5" x14ac:dyDescent="0.25">
      <c r="A20" s="189"/>
      <c r="B20" s="64" t="s">
        <v>58</v>
      </c>
      <c r="C20" s="33"/>
      <c r="D20" s="163"/>
      <c r="E20" s="164"/>
      <c r="F20" s="32"/>
    </row>
    <row r="21" spans="1:6" s="5" customFormat="1" ht="25.5" x14ac:dyDescent="0.25">
      <c r="A21" s="189"/>
      <c r="B21" s="64" t="s">
        <v>59</v>
      </c>
      <c r="C21" s="33"/>
      <c r="D21" s="163"/>
      <c r="E21" s="164"/>
      <c r="F21" s="32"/>
    </row>
    <row r="22" spans="1:6" s="5" customFormat="1" ht="25.5" x14ac:dyDescent="0.25">
      <c r="A22" s="189"/>
      <c r="B22" s="64" t="s">
        <v>60</v>
      </c>
      <c r="C22" s="33"/>
      <c r="D22" s="163"/>
      <c r="E22" s="164"/>
      <c r="F22" s="32"/>
    </row>
    <row r="23" spans="1:6" s="5" customFormat="1" ht="76.5" x14ac:dyDescent="0.25">
      <c r="A23" s="189"/>
      <c r="B23" s="64" t="s">
        <v>61</v>
      </c>
      <c r="C23" s="33"/>
      <c r="D23" s="163"/>
      <c r="E23" s="164"/>
      <c r="F23" s="32"/>
    </row>
    <row r="24" spans="1:6" s="5" customFormat="1" x14ac:dyDescent="0.25">
      <c r="A24" s="190"/>
      <c r="B24" s="67" t="s">
        <v>62</v>
      </c>
      <c r="C24" s="33"/>
      <c r="D24" s="163"/>
      <c r="E24" s="164"/>
      <c r="F24" s="32"/>
    </row>
    <row r="25" spans="1:6" s="5" customFormat="1" ht="38.25" x14ac:dyDescent="0.25">
      <c r="A25" s="188" t="s">
        <v>18</v>
      </c>
      <c r="B25" s="68" t="s">
        <v>63</v>
      </c>
      <c r="C25" s="33"/>
      <c r="D25" s="163"/>
      <c r="E25" s="164"/>
      <c r="F25" s="32"/>
    </row>
    <row r="26" spans="1:6" s="5" customFormat="1" ht="25.5" x14ac:dyDescent="0.25">
      <c r="A26" s="189"/>
      <c r="B26" s="68" t="s">
        <v>64</v>
      </c>
      <c r="C26" s="33"/>
      <c r="D26" s="163"/>
      <c r="E26" s="164"/>
      <c r="F26" s="32"/>
    </row>
    <row r="27" spans="1:6" s="5" customFormat="1" ht="63.75" customHeight="1" x14ac:dyDescent="0.25">
      <c r="A27" s="189"/>
      <c r="B27" s="68" t="s">
        <v>65</v>
      </c>
      <c r="C27" s="33"/>
      <c r="D27" s="163"/>
      <c r="E27" s="164"/>
      <c r="F27" s="32"/>
    </row>
    <row r="28" spans="1:6" s="5" customFormat="1" ht="63.75" x14ac:dyDescent="0.25">
      <c r="A28" s="189"/>
      <c r="B28" s="68" t="s">
        <v>66</v>
      </c>
      <c r="C28" s="33"/>
      <c r="D28" s="163"/>
      <c r="E28" s="164"/>
      <c r="F28" s="32"/>
    </row>
    <row r="29" spans="1:6" s="5" customFormat="1" ht="38.25" x14ac:dyDescent="0.25">
      <c r="A29" s="189"/>
      <c r="B29" s="68" t="s">
        <v>67</v>
      </c>
      <c r="C29" s="33"/>
      <c r="D29" s="163"/>
      <c r="E29" s="164"/>
      <c r="F29" s="32"/>
    </row>
    <row r="30" spans="1:6" s="5" customFormat="1" ht="89.25" x14ac:dyDescent="0.25">
      <c r="A30" s="190"/>
      <c r="B30" s="68" t="s">
        <v>68</v>
      </c>
      <c r="C30" s="33"/>
      <c r="D30" s="163"/>
      <c r="E30" s="164"/>
      <c r="F30" s="32"/>
    </row>
    <row r="31" spans="1:6" s="5" customFormat="1" ht="51" x14ac:dyDescent="0.25">
      <c r="A31" s="63" t="s">
        <v>20</v>
      </c>
      <c r="B31" s="68" t="s">
        <v>69</v>
      </c>
      <c r="C31" s="33"/>
      <c r="D31" s="163"/>
      <c r="E31" s="164"/>
      <c r="F31" s="32"/>
    </row>
    <row r="32" spans="1:6" s="5" customFormat="1" ht="188.25" customHeight="1" x14ac:dyDescent="0.25">
      <c r="A32" s="63" t="s">
        <v>95</v>
      </c>
      <c r="B32" s="68" t="s">
        <v>70</v>
      </c>
      <c r="C32" s="33"/>
      <c r="D32" s="163"/>
      <c r="E32" s="164"/>
      <c r="F32" s="32"/>
    </row>
    <row r="33" spans="1:6" s="5" customFormat="1" ht="63.75" x14ac:dyDescent="0.25">
      <c r="A33" s="63" t="s">
        <v>94</v>
      </c>
      <c r="B33" s="68" t="s">
        <v>71</v>
      </c>
      <c r="C33" s="33"/>
      <c r="D33" s="163"/>
      <c r="E33" s="164"/>
      <c r="F33" s="32"/>
    </row>
    <row r="34" spans="1:6" s="5" customFormat="1" ht="38.25" x14ac:dyDescent="0.25">
      <c r="A34" s="63" t="s">
        <v>93</v>
      </c>
      <c r="B34" s="69" t="s">
        <v>72</v>
      </c>
      <c r="C34" s="33"/>
      <c r="D34" s="163"/>
      <c r="E34" s="164"/>
      <c r="F34" s="32"/>
    </row>
    <row r="35" spans="1:6" s="5" customFormat="1" ht="38.25" x14ac:dyDescent="0.25">
      <c r="A35" s="63" t="s">
        <v>92</v>
      </c>
      <c r="B35" s="69" t="s">
        <v>73</v>
      </c>
      <c r="C35" s="33"/>
      <c r="D35" s="163"/>
      <c r="E35" s="164"/>
      <c r="F35" s="32"/>
    </row>
    <row r="36" spans="1:6" s="5" customFormat="1" ht="63.75" x14ac:dyDescent="0.25">
      <c r="A36" s="188" t="s">
        <v>91</v>
      </c>
      <c r="B36" s="70" t="s">
        <v>74</v>
      </c>
      <c r="C36" s="33"/>
      <c r="D36" s="163"/>
      <c r="E36" s="164"/>
      <c r="F36" s="32"/>
    </row>
    <row r="37" spans="1:6" s="5" customFormat="1" ht="38.25" x14ac:dyDescent="0.25">
      <c r="A37" s="189"/>
      <c r="B37" s="70" t="s">
        <v>75</v>
      </c>
      <c r="C37" s="33"/>
      <c r="D37" s="163"/>
      <c r="E37" s="164"/>
      <c r="F37" s="32"/>
    </row>
    <row r="38" spans="1:6" s="5" customFormat="1" ht="25.5" x14ac:dyDescent="0.25">
      <c r="A38" s="189"/>
      <c r="B38" s="70" t="s">
        <v>76</v>
      </c>
      <c r="C38" s="33"/>
      <c r="D38" s="163"/>
      <c r="E38" s="164"/>
      <c r="F38" s="32"/>
    </row>
    <row r="39" spans="1:6" s="5" customFormat="1" x14ac:dyDescent="0.25">
      <c r="A39" s="189"/>
      <c r="B39" s="70" t="s">
        <v>77</v>
      </c>
      <c r="C39" s="33"/>
      <c r="D39" s="163"/>
      <c r="E39" s="164"/>
      <c r="F39" s="32"/>
    </row>
    <row r="40" spans="1:6" s="5" customFormat="1" ht="63.75" x14ac:dyDescent="0.25">
      <c r="A40" s="189"/>
      <c r="B40" s="70" t="s">
        <v>78</v>
      </c>
      <c r="C40" s="33"/>
      <c r="D40" s="163"/>
      <c r="E40" s="164"/>
      <c r="F40" s="32"/>
    </row>
    <row r="41" spans="1:6" s="5" customFormat="1" ht="25.5" x14ac:dyDescent="0.25">
      <c r="A41" s="189"/>
      <c r="B41" s="70" t="s">
        <v>79</v>
      </c>
      <c r="C41" s="33"/>
      <c r="D41" s="163"/>
      <c r="E41" s="164"/>
      <c r="F41" s="32"/>
    </row>
    <row r="42" spans="1:6" s="5" customFormat="1" ht="51" x14ac:dyDescent="0.25">
      <c r="A42" s="190"/>
      <c r="B42" s="70" t="s">
        <v>80</v>
      </c>
      <c r="C42" s="33"/>
      <c r="D42" s="163"/>
      <c r="E42" s="164"/>
      <c r="F42" s="32"/>
    </row>
    <row r="43" spans="1:6" s="5" customFormat="1" ht="89.25" x14ac:dyDescent="0.25">
      <c r="A43" s="65" t="s">
        <v>90</v>
      </c>
      <c r="B43" s="70" t="s">
        <v>81</v>
      </c>
      <c r="C43" s="33"/>
      <c r="D43" s="163"/>
      <c r="E43" s="164"/>
      <c r="F43" s="32"/>
    </row>
    <row r="44" spans="1:6" s="5" customFormat="1" ht="25.5" x14ac:dyDescent="0.25">
      <c r="A44" s="65" t="s">
        <v>89</v>
      </c>
      <c r="B44" s="69" t="s">
        <v>82</v>
      </c>
      <c r="C44" s="33"/>
      <c r="D44" s="163"/>
      <c r="E44" s="164"/>
      <c r="F44" s="32"/>
    </row>
    <row r="45" spans="1:6" s="5" customFormat="1" ht="66" customHeight="1" x14ac:dyDescent="0.25">
      <c r="A45" s="65" t="s">
        <v>88</v>
      </c>
      <c r="B45" s="69" t="s">
        <v>83</v>
      </c>
      <c r="C45" s="33"/>
      <c r="D45" s="163"/>
      <c r="E45" s="164"/>
      <c r="F45" s="32"/>
    </row>
    <row r="46" spans="1:6" s="5" customFormat="1" ht="38.25" x14ac:dyDescent="0.25">
      <c r="A46" s="65" t="s">
        <v>87</v>
      </c>
      <c r="B46" s="73" t="s">
        <v>84</v>
      </c>
      <c r="C46" s="33"/>
      <c r="D46" s="163"/>
      <c r="E46" s="164"/>
      <c r="F46" s="32"/>
    </row>
    <row r="47" spans="1:6" s="5" customFormat="1" ht="44.25" customHeight="1" thickBot="1" x14ac:dyDescent="0.3">
      <c r="A47" s="65" t="s">
        <v>86</v>
      </c>
      <c r="B47" s="71" t="s">
        <v>85</v>
      </c>
      <c r="C47" s="33"/>
      <c r="D47" s="163"/>
      <c r="E47" s="164"/>
    </row>
    <row r="48" spans="1:6" s="6" customFormat="1" ht="15" customHeight="1" x14ac:dyDescent="0.25">
      <c r="A48" s="31"/>
      <c r="B48" s="31"/>
      <c r="C48" s="2"/>
      <c r="D48" s="31"/>
      <c r="E48" s="2"/>
    </row>
    <row r="49" spans="1:12" ht="24.95" customHeight="1" x14ac:dyDescent="0.25">
      <c r="A49" s="182" t="s">
        <v>21</v>
      </c>
      <c r="B49" s="182"/>
      <c r="C49" s="182"/>
      <c r="D49" s="182"/>
      <c r="E49" s="182"/>
    </row>
    <row r="50" spans="1:12" ht="20.100000000000001" customHeight="1" x14ac:dyDescent="0.25">
      <c r="A50" s="167" t="s">
        <v>1</v>
      </c>
      <c r="B50" s="183"/>
      <c r="C50" s="184" t="str">
        <f>IF('Príloha č. 1'!$C$6="","",'Príloha č. 1'!$C$6)</f>
        <v/>
      </c>
      <c r="D50" s="184"/>
    </row>
    <row r="51" spans="1:12" ht="20.100000000000001" customHeight="1" x14ac:dyDescent="0.25">
      <c r="A51" s="167" t="s">
        <v>2</v>
      </c>
      <c r="B51" s="183"/>
      <c r="C51" s="187" t="str">
        <f>IF('Príloha č. 1'!$C$7="","",'Príloha č. 1'!$C$7)</f>
        <v/>
      </c>
      <c r="D51" s="187"/>
    </row>
    <row r="52" spans="1:12" ht="20.100000000000001" customHeight="1" x14ac:dyDescent="0.25">
      <c r="A52" s="167" t="s">
        <v>3</v>
      </c>
      <c r="B52" s="183"/>
      <c r="C52" s="187" t="str">
        <f>IF('Príloha č. 1'!$C$8="","",'Príloha č. 1'!$C$8)</f>
        <v/>
      </c>
      <c r="D52" s="187"/>
    </row>
    <row r="53" spans="1:12" ht="20.100000000000001" customHeight="1" x14ac:dyDescent="0.25">
      <c r="A53" s="167" t="s">
        <v>4</v>
      </c>
      <c r="B53" s="183"/>
      <c r="C53" s="187" t="str">
        <f>IF('Príloha č. 1'!$C$9="","",'Príloha č. 1'!$C$9)</f>
        <v/>
      </c>
      <c r="D53" s="187"/>
    </row>
    <row r="54" spans="1:12" ht="15" customHeight="1" x14ac:dyDescent="0.25"/>
    <row r="55" spans="1:12" ht="32.450000000000003" customHeight="1" x14ac:dyDescent="0.25">
      <c r="A55" s="185" t="s">
        <v>36</v>
      </c>
      <c r="B55" s="185"/>
      <c r="C55" s="185"/>
      <c r="D55" s="185"/>
      <c r="E55" s="23"/>
    </row>
    <row r="56" spans="1:12" ht="20.100000000000001" customHeight="1" x14ac:dyDescent="0.25">
      <c r="A56" s="167" t="s">
        <v>5</v>
      </c>
      <c r="B56" s="167"/>
      <c r="C56" s="186"/>
      <c r="D56" s="159"/>
      <c r="E56" s="6"/>
    </row>
    <row r="57" spans="1:12" ht="20.100000000000001" customHeight="1" x14ac:dyDescent="0.25">
      <c r="A57" s="167" t="s">
        <v>19</v>
      </c>
      <c r="B57" s="167"/>
      <c r="C57" s="168"/>
      <c r="D57" s="149"/>
      <c r="E57" s="6"/>
    </row>
    <row r="58" spans="1:12" ht="20.100000000000001" customHeight="1" x14ac:dyDescent="0.25">
      <c r="A58" s="167" t="s">
        <v>6</v>
      </c>
      <c r="B58" s="167"/>
      <c r="C58" s="168"/>
      <c r="D58" s="149"/>
      <c r="E58" s="6"/>
    </row>
    <row r="59" spans="1:12" ht="20.100000000000001" customHeight="1" x14ac:dyDescent="0.25">
      <c r="A59" s="167" t="s">
        <v>7</v>
      </c>
      <c r="B59" s="167"/>
      <c r="C59" s="168"/>
      <c r="D59" s="149"/>
      <c r="E59" s="6"/>
    </row>
    <row r="61" spans="1:12" ht="20.100000000000001" customHeight="1" x14ac:dyDescent="0.25">
      <c r="A61" s="2" t="s">
        <v>9</v>
      </c>
      <c r="B61" s="43" t="str">
        <f>IF('Príloha č. 1'!B24:C24="","",'Príloha č. 1'!B24:C24)</f>
        <v/>
      </c>
    </row>
    <row r="62" spans="1:12" ht="20.100000000000001" customHeight="1" x14ac:dyDescent="0.25">
      <c r="A62" s="2" t="s">
        <v>10</v>
      </c>
      <c r="B62" s="241" t="str">
        <f>IF('Príloha č. 1'!B25:C25="","",'Príloha č. 1'!B25:C25)</f>
        <v/>
      </c>
    </row>
    <row r="64" spans="1:12" s="13" customFormat="1" ht="24.95" customHeight="1" x14ac:dyDescent="0.25">
      <c r="C64" s="37" t="s">
        <v>29</v>
      </c>
      <c r="D64" s="2"/>
      <c r="K64" s="28"/>
      <c r="L64" s="28"/>
    </row>
    <row r="65" spans="1:4" s="13" customFormat="1" ht="24.95" customHeight="1" x14ac:dyDescent="0.25">
      <c r="C65" s="37" t="s">
        <v>30</v>
      </c>
      <c r="D65" s="38"/>
    </row>
    <row r="66" spans="1:4" s="13" customFormat="1" ht="24.95" customHeight="1" x14ac:dyDescent="0.25">
      <c r="C66" s="37"/>
    </row>
    <row r="69" spans="1:4" x14ac:dyDescent="0.25">
      <c r="A69" s="158" t="s">
        <v>12</v>
      </c>
      <c r="B69" s="158"/>
      <c r="C69" s="158"/>
      <c r="D69" s="158"/>
    </row>
    <row r="70" spans="1:4" ht="15" customHeight="1" x14ac:dyDescent="0.25">
      <c r="A70" s="11"/>
      <c r="B70" s="24" t="s">
        <v>14</v>
      </c>
      <c r="C70" s="24"/>
      <c r="D70" s="8"/>
    </row>
    <row r="72" spans="1:4" ht="22.5" customHeight="1" x14ac:dyDescent="0.25"/>
    <row r="73" spans="1:4" ht="21" customHeight="1" x14ac:dyDescent="0.25"/>
  </sheetData>
  <mergeCells count="69">
    <mergeCell ref="D36:E36"/>
    <mergeCell ref="A36:A42"/>
    <mergeCell ref="D47:E47"/>
    <mergeCell ref="D10:E10"/>
    <mergeCell ref="D11:E11"/>
    <mergeCell ref="A25:A30"/>
    <mergeCell ref="A14:A24"/>
    <mergeCell ref="A9:A13"/>
    <mergeCell ref="D34:E34"/>
    <mergeCell ref="D35:E35"/>
    <mergeCell ref="D12:E12"/>
    <mergeCell ref="D13:E13"/>
    <mergeCell ref="D14:E14"/>
    <mergeCell ref="D15:E15"/>
    <mergeCell ref="D16:E16"/>
    <mergeCell ref="D17:E17"/>
    <mergeCell ref="C51:D51"/>
    <mergeCell ref="A52:B52"/>
    <mergeCell ref="C52:D52"/>
    <mergeCell ref="A53:B53"/>
    <mergeCell ref="C53:D53"/>
    <mergeCell ref="A69:D69"/>
    <mergeCell ref="A58:B58"/>
    <mergeCell ref="C58:D58"/>
    <mergeCell ref="A59:B59"/>
    <mergeCell ref="C59:D59"/>
    <mergeCell ref="A57:B57"/>
    <mergeCell ref="C57:D57"/>
    <mergeCell ref="A1:B1"/>
    <mergeCell ref="A3:E3"/>
    <mergeCell ref="A5:B6"/>
    <mergeCell ref="C5:E5"/>
    <mergeCell ref="D6:E6"/>
    <mergeCell ref="D8:E8"/>
    <mergeCell ref="D9:E9"/>
    <mergeCell ref="A49:E49"/>
    <mergeCell ref="A50:B50"/>
    <mergeCell ref="C50:D50"/>
    <mergeCell ref="A55:D55"/>
    <mergeCell ref="A56:B56"/>
    <mergeCell ref="C56:D56"/>
    <mergeCell ref="A51:B51"/>
    <mergeCell ref="D18:E18"/>
    <mergeCell ref="D19:E19"/>
    <mergeCell ref="D20:E20"/>
    <mergeCell ref="D21:E21"/>
    <mergeCell ref="D30:E30"/>
    <mergeCell ref="D32:E32"/>
    <mergeCell ref="D22:E22"/>
    <mergeCell ref="D23:E23"/>
    <mergeCell ref="D24:E24"/>
    <mergeCell ref="D25:E25"/>
    <mergeCell ref="D26:E26"/>
    <mergeCell ref="D45:E45"/>
    <mergeCell ref="D46:E46"/>
    <mergeCell ref="A7:E7"/>
    <mergeCell ref="D40:E40"/>
    <mergeCell ref="D41:E41"/>
    <mergeCell ref="D42:E42"/>
    <mergeCell ref="D43:E43"/>
    <mergeCell ref="D44:E44"/>
    <mergeCell ref="D33:E33"/>
    <mergeCell ref="D31:E31"/>
    <mergeCell ref="D37:E37"/>
    <mergeCell ref="D38:E38"/>
    <mergeCell ref="D39:E39"/>
    <mergeCell ref="D27:E27"/>
    <mergeCell ref="D28:E28"/>
    <mergeCell ref="D29:E29"/>
  </mergeCells>
  <conditionalFormatting sqref="C56:D59 C8:E47">
    <cfRule type="containsBlanks" dxfId="27" priority="32">
      <formula>LEN(TRIM(C8))=0</formula>
    </cfRule>
  </conditionalFormatting>
  <conditionalFormatting sqref="B61:B62">
    <cfRule type="containsBlanks" dxfId="26" priority="31">
      <formula>LEN(TRIM(B61))=0</formula>
    </cfRule>
  </conditionalFormatting>
  <conditionalFormatting sqref="C50:D53">
    <cfRule type="containsBlanks" dxfId="25" priority="26">
      <formula>LEN(TRIM(C50))=0</formula>
    </cfRule>
  </conditionalFormatting>
  <conditionalFormatting sqref="A70">
    <cfRule type="containsBlanks" dxfId="24" priority="25">
      <formula>LEN(TRIM(A70))=0</formula>
    </cfRule>
  </conditionalFormatting>
  <conditionalFormatting sqref="D65">
    <cfRule type="containsBlanks" dxfId="23" priority="1">
      <formula>LEN(TRIM(D65))=0</formula>
    </cfRule>
  </conditionalFormatting>
  <printOptions horizontalCentered="1"/>
  <pageMargins left="0.63249999999999995" right="0.39370078740157483" top="0.62992125984251968" bottom="0.39370078740157483" header="0.31496062992125984" footer="0.31496062992125984"/>
  <pageSetup paperSize="9" scale="72" fitToHeight="0" orientation="portrait" r:id="rId1"/>
  <headerFooter>
    <oddHeader>&amp;L&amp;"Times New Roman,Tučné"Príloha č. 2 &amp;"Times New Roman,Normálne"
Špecifikácia predmetu zákazky</oddHeader>
  </headerFooter>
  <rowBreaks count="2" manualBreakCount="2">
    <brk id="20" max="4" man="1"/>
    <brk id="39" max="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25"/>
  <sheetViews>
    <sheetView showGridLines="0" zoomScaleNormal="100" workbookViewId="0">
      <selection activeCell="P12" sqref="P12"/>
    </sheetView>
  </sheetViews>
  <sheetFormatPr defaultColWidth="9.140625" defaultRowHeight="12" x14ac:dyDescent="0.2"/>
  <cols>
    <col min="1" max="1" width="5" style="124" customWidth="1"/>
    <col min="2" max="2" width="18.7109375" style="124" customWidth="1"/>
    <col min="3" max="3" width="21.140625" style="124" customWidth="1"/>
    <col min="4" max="5" width="11.7109375" style="125" customWidth="1"/>
    <col min="6" max="6" width="1.7109375" style="126" customWidth="1"/>
    <col min="7" max="7" width="18.140625" style="126" customWidth="1"/>
    <col min="8" max="12" width="14.7109375" style="126" customWidth="1"/>
    <col min="13" max="13" width="14.7109375" style="127" customWidth="1"/>
    <col min="14" max="14" width="14.7109375" style="78" customWidth="1"/>
    <col min="15" max="16384" width="9.140625" style="78"/>
  </cols>
  <sheetData>
    <row r="1" spans="1:24" s="80" customFormat="1" ht="20.100000000000001" customHeight="1" x14ac:dyDescent="0.2">
      <c r="A1" s="194" t="s">
        <v>99</v>
      </c>
      <c r="B1" s="194"/>
      <c r="C1" s="194"/>
      <c r="D1" s="194"/>
      <c r="E1" s="194"/>
      <c r="F1" s="194"/>
      <c r="G1" s="194"/>
      <c r="H1" s="194"/>
      <c r="I1" s="194"/>
      <c r="J1" s="194"/>
      <c r="K1" s="194"/>
      <c r="L1" s="194"/>
      <c r="M1" s="194"/>
      <c r="N1" s="194"/>
      <c r="O1" s="194"/>
      <c r="P1" s="78"/>
      <c r="Q1" s="78"/>
      <c r="R1" s="78"/>
      <c r="S1" s="78"/>
      <c r="T1" s="78"/>
      <c r="U1" s="78"/>
      <c r="V1" s="78"/>
      <c r="W1" s="78"/>
      <c r="X1" s="79"/>
    </row>
    <row r="2" spans="1:24" ht="24.95" customHeight="1" x14ac:dyDescent="0.2">
      <c r="A2" s="81" t="s">
        <v>13</v>
      </c>
      <c r="B2" s="82"/>
      <c r="C2" s="83"/>
      <c r="D2" s="83"/>
      <c r="E2" s="83"/>
      <c r="F2" s="83"/>
      <c r="G2" s="83"/>
      <c r="H2" s="83"/>
      <c r="I2" s="83"/>
      <c r="J2" s="83"/>
      <c r="K2" s="83"/>
      <c r="L2" s="83"/>
      <c r="M2" s="83"/>
      <c r="N2" s="83"/>
    </row>
    <row r="3" spans="1:24" ht="24.95" customHeight="1" x14ac:dyDescent="0.2">
      <c r="A3" s="195" t="s">
        <v>45</v>
      </c>
      <c r="B3" s="195"/>
      <c r="C3" s="195"/>
      <c r="D3" s="195"/>
      <c r="E3" s="195"/>
      <c r="F3" s="195"/>
      <c r="G3" s="195"/>
      <c r="H3" s="195"/>
      <c r="I3" s="195"/>
      <c r="J3" s="195"/>
      <c r="K3" s="195"/>
      <c r="L3" s="195"/>
      <c r="M3" s="195"/>
      <c r="N3" s="195"/>
    </row>
    <row r="4" spans="1:24" ht="30" customHeight="1" x14ac:dyDescent="0.2">
      <c r="A4" s="196"/>
      <c r="B4" s="196"/>
      <c r="C4" s="196"/>
      <c r="D4" s="196"/>
      <c r="E4" s="196"/>
      <c r="F4" s="196"/>
      <c r="G4" s="196"/>
      <c r="H4" s="196"/>
      <c r="I4" s="196"/>
      <c r="J4" s="196"/>
      <c r="K4" s="196"/>
      <c r="L4" s="196"/>
      <c r="M4" s="196"/>
      <c r="N4" s="196"/>
    </row>
    <row r="5" spans="1:24" s="85" customFormat="1" ht="22.5" customHeight="1" x14ac:dyDescent="0.25">
      <c r="A5" s="197" t="s">
        <v>28</v>
      </c>
      <c r="B5" s="199" t="s">
        <v>100</v>
      </c>
      <c r="C5" s="200"/>
      <c r="D5" s="197" t="s">
        <v>101</v>
      </c>
      <c r="E5" s="203" t="s">
        <v>117</v>
      </c>
      <c r="F5" s="84"/>
      <c r="G5" s="130" t="s">
        <v>110</v>
      </c>
      <c r="H5" s="131" t="s">
        <v>109</v>
      </c>
      <c r="I5" s="205" t="s">
        <v>115</v>
      </c>
      <c r="J5" s="206"/>
      <c r="K5" s="206"/>
      <c r="L5" s="207"/>
      <c r="M5" s="208" t="s">
        <v>116</v>
      </c>
      <c r="N5" s="209"/>
    </row>
    <row r="6" spans="1:24" s="85" customFormat="1" ht="47.25" customHeight="1" x14ac:dyDescent="0.25">
      <c r="A6" s="198"/>
      <c r="B6" s="201"/>
      <c r="C6" s="202"/>
      <c r="D6" s="198"/>
      <c r="E6" s="204"/>
      <c r="F6" s="84"/>
      <c r="G6" s="132"/>
      <c r="H6" s="133"/>
      <c r="I6" s="134" t="s">
        <v>111</v>
      </c>
      <c r="J6" s="136" t="s">
        <v>112</v>
      </c>
      <c r="K6" s="136" t="s">
        <v>113</v>
      </c>
      <c r="L6" s="135" t="s">
        <v>114</v>
      </c>
      <c r="M6" s="144" t="s">
        <v>111</v>
      </c>
      <c r="N6" s="145" t="s">
        <v>114</v>
      </c>
    </row>
    <row r="7" spans="1:24" s="89" customFormat="1" ht="15" customHeight="1" x14ac:dyDescent="0.25">
      <c r="A7" s="146" t="s">
        <v>15</v>
      </c>
      <c r="B7" s="210" t="s">
        <v>16</v>
      </c>
      <c r="C7" s="211"/>
      <c r="D7" s="146" t="s">
        <v>17</v>
      </c>
      <c r="E7" s="147" t="s">
        <v>18</v>
      </c>
      <c r="F7" s="86"/>
      <c r="G7" s="87" t="s">
        <v>20</v>
      </c>
      <c r="H7" s="87" t="s">
        <v>95</v>
      </c>
      <c r="I7" s="87" t="s">
        <v>94</v>
      </c>
      <c r="J7" s="87" t="s">
        <v>93</v>
      </c>
      <c r="K7" s="87" t="s">
        <v>92</v>
      </c>
      <c r="L7" s="87" t="s">
        <v>91</v>
      </c>
      <c r="M7" s="87" t="s">
        <v>90</v>
      </c>
      <c r="N7" s="88" t="s">
        <v>89</v>
      </c>
    </row>
    <row r="8" spans="1:24" s="95" customFormat="1" ht="41.25" customHeight="1" x14ac:dyDescent="0.25">
      <c r="A8" s="90" t="s">
        <v>15</v>
      </c>
      <c r="B8" s="212" t="s">
        <v>45</v>
      </c>
      <c r="C8" s="213"/>
      <c r="D8" s="91" t="s">
        <v>102</v>
      </c>
      <c r="E8" s="92">
        <v>36</v>
      </c>
      <c r="F8" s="93"/>
      <c r="G8" s="94"/>
      <c r="H8" s="138"/>
      <c r="I8" s="142"/>
      <c r="J8" s="141"/>
      <c r="K8" s="139">
        <f>I8*J8</f>
        <v>0</v>
      </c>
      <c r="L8" s="137">
        <f>I8+K8</f>
        <v>0</v>
      </c>
      <c r="M8" s="140">
        <f>I8*E8</f>
        <v>0</v>
      </c>
      <c r="N8" s="143">
        <f>L8*E8</f>
        <v>0</v>
      </c>
    </row>
    <row r="9" spans="1:24" s="103" customFormat="1" ht="15.75" customHeight="1" x14ac:dyDescent="0.2">
      <c r="A9" s="96"/>
      <c r="B9" s="97"/>
      <c r="C9" s="98"/>
      <c r="D9" s="99"/>
      <c r="E9" s="100"/>
      <c r="F9" s="101"/>
      <c r="G9" s="101"/>
      <c r="H9" s="101"/>
      <c r="I9" s="101"/>
      <c r="J9" s="101"/>
      <c r="K9" s="101"/>
      <c r="L9" s="102"/>
      <c r="M9" s="102"/>
      <c r="N9" s="102"/>
      <c r="O9" s="98"/>
    </row>
    <row r="10" spans="1:24" s="95" customFormat="1" ht="15" customHeight="1" x14ac:dyDescent="0.25">
      <c r="A10" s="104" t="s">
        <v>1</v>
      </c>
      <c r="B10" s="104"/>
      <c r="C10" s="105" t="str">
        <f>IF('Príloha č. 1'!$C$6="","",'Príloha č. 1'!$C$6)</f>
        <v/>
      </c>
      <c r="D10" s="106"/>
      <c r="E10" s="106"/>
      <c r="F10" s="93"/>
      <c r="G10" s="93"/>
      <c r="H10" s="93"/>
      <c r="I10" s="93"/>
      <c r="J10" s="93"/>
      <c r="K10" s="93"/>
      <c r="L10" s="93"/>
      <c r="M10" s="102"/>
      <c r="N10" s="102"/>
    </row>
    <row r="11" spans="1:24" s="95" customFormat="1" ht="15" customHeight="1" x14ac:dyDescent="0.25">
      <c r="A11" s="104" t="s">
        <v>2</v>
      </c>
      <c r="B11" s="104"/>
      <c r="C11" s="104" t="str">
        <f>IF('Príloha č. 1'!$C$7="","",'Príloha č. 1'!$C$7)</f>
        <v/>
      </c>
      <c r="D11" s="107"/>
      <c r="E11" s="107"/>
      <c r="F11" s="93"/>
      <c r="G11" s="93"/>
      <c r="H11" s="93"/>
      <c r="I11" s="93"/>
      <c r="J11" s="93"/>
      <c r="K11" s="93"/>
      <c r="L11" s="93"/>
      <c r="M11" s="108"/>
      <c r="N11" s="109"/>
    </row>
    <row r="12" spans="1:24" s="95" customFormat="1" ht="15" customHeight="1" x14ac:dyDescent="0.25">
      <c r="A12" s="104" t="s">
        <v>3</v>
      </c>
      <c r="B12" s="104"/>
      <c r="C12" s="104" t="str">
        <f>IF('Príloha č. 1'!$C$8="","",'Príloha č. 1'!$C$8)</f>
        <v/>
      </c>
      <c r="D12" s="107"/>
      <c r="E12" s="107"/>
      <c r="F12" s="93"/>
      <c r="G12" s="93"/>
      <c r="H12" s="93"/>
      <c r="I12" s="93"/>
      <c r="J12" s="93"/>
      <c r="K12" s="93"/>
      <c r="L12" s="93"/>
      <c r="M12" s="108"/>
      <c r="N12" s="109"/>
    </row>
    <row r="13" spans="1:24" s="95" customFormat="1" ht="15" customHeight="1" x14ac:dyDescent="0.25">
      <c r="A13" s="104"/>
      <c r="B13" s="104"/>
      <c r="C13" s="104"/>
      <c r="D13" s="107"/>
      <c r="E13" s="107"/>
      <c r="F13" s="93"/>
      <c r="G13" s="93"/>
      <c r="H13" s="93"/>
      <c r="I13" s="93"/>
      <c r="J13" s="93"/>
      <c r="K13" s="93"/>
      <c r="L13" s="93"/>
      <c r="M13" s="108"/>
      <c r="N13" s="109"/>
    </row>
    <row r="14" spans="1:24" s="95" customFormat="1" ht="15" customHeight="1" x14ac:dyDescent="0.25">
      <c r="A14" s="104" t="s">
        <v>103</v>
      </c>
      <c r="B14" s="104"/>
      <c r="C14" s="104"/>
      <c r="D14" s="107"/>
      <c r="E14" s="107"/>
      <c r="F14" s="93"/>
      <c r="G14" s="93"/>
      <c r="H14" s="93"/>
      <c r="I14" s="93"/>
      <c r="J14" s="93"/>
      <c r="K14" s="93"/>
      <c r="L14" s="93"/>
      <c r="M14" s="108"/>
      <c r="N14" s="109"/>
    </row>
    <row r="15" spans="1:24" s="95" customFormat="1" ht="15" customHeight="1" x14ac:dyDescent="0.25">
      <c r="A15" s="104" t="s">
        <v>6</v>
      </c>
      <c r="B15" s="104"/>
      <c r="C15" s="104"/>
      <c r="D15" s="107"/>
      <c r="E15" s="107"/>
      <c r="F15" s="93"/>
      <c r="G15" s="93"/>
      <c r="H15" s="93"/>
      <c r="I15" s="93"/>
      <c r="J15" s="93"/>
      <c r="K15" s="93"/>
      <c r="L15" s="93"/>
      <c r="M15" s="108"/>
      <c r="N15" s="109"/>
    </row>
    <row r="16" spans="1:24" s="95" customFormat="1" ht="15" customHeight="1" x14ac:dyDescent="0.2">
      <c r="A16" s="104" t="s">
        <v>104</v>
      </c>
      <c r="B16" s="104"/>
      <c r="C16" s="104"/>
      <c r="D16" s="107"/>
      <c r="E16" s="107"/>
      <c r="F16" s="93"/>
      <c r="G16" s="93"/>
      <c r="H16" s="93"/>
      <c r="I16" s="93"/>
      <c r="J16" s="93"/>
      <c r="K16" s="93"/>
      <c r="L16" s="110" t="s">
        <v>105</v>
      </c>
      <c r="M16" s="214"/>
      <c r="N16" s="214"/>
    </row>
    <row r="17" spans="1:15" s="95" customFormat="1" ht="15" customHeight="1" x14ac:dyDescent="0.2">
      <c r="A17" s="104"/>
      <c r="B17" s="104"/>
      <c r="C17" s="104"/>
      <c r="D17" s="107"/>
      <c r="E17" s="107"/>
      <c r="F17" s="93"/>
      <c r="G17" s="93"/>
      <c r="H17" s="93"/>
      <c r="I17" s="93"/>
      <c r="J17" s="93"/>
      <c r="K17" s="93"/>
      <c r="L17" s="111"/>
      <c r="M17" s="112"/>
      <c r="N17" s="112"/>
    </row>
    <row r="18" spans="1:15" s="95" customFormat="1" ht="15" customHeight="1" x14ac:dyDescent="0.25">
      <c r="A18" s="104"/>
      <c r="B18" s="104"/>
      <c r="C18" s="104"/>
      <c r="D18" s="107"/>
      <c r="E18" s="107"/>
      <c r="F18" s="93"/>
      <c r="G18" s="93"/>
      <c r="H18" s="93"/>
      <c r="I18" s="93"/>
      <c r="J18" s="93"/>
      <c r="K18" s="93"/>
      <c r="L18" s="113" t="s">
        <v>106</v>
      </c>
      <c r="M18" s="217"/>
      <c r="N18" s="217"/>
    </row>
    <row r="19" spans="1:15" s="103" customFormat="1" ht="15" customHeight="1" x14ac:dyDescent="0.2">
      <c r="A19" s="98" t="s">
        <v>9</v>
      </c>
      <c r="B19" s="218" t="str">
        <f>IF('Príloha č. 1'!B24:C24="","",'Príloha č. 1'!B24:C24)</f>
        <v/>
      </c>
      <c r="C19" s="218"/>
      <c r="D19" s="114"/>
      <c r="E19" s="114"/>
      <c r="F19" s="101"/>
      <c r="G19" s="101"/>
      <c r="H19" s="101"/>
      <c r="I19" s="101"/>
      <c r="J19" s="101"/>
      <c r="K19" s="101"/>
      <c r="L19" s="113" t="s">
        <v>107</v>
      </c>
      <c r="M19" s="219"/>
      <c r="N19" s="219"/>
      <c r="O19" s="98"/>
    </row>
    <row r="20" spans="1:15" s="103" customFormat="1" ht="15" customHeight="1" x14ac:dyDescent="0.2">
      <c r="A20" s="98" t="s">
        <v>10</v>
      </c>
      <c r="B20" s="215" t="str">
        <f>IF('Príloha č. 1'!B25:C25="","",'Príloha č. 1'!B25:C25)</f>
        <v/>
      </c>
      <c r="C20" s="215"/>
      <c r="D20" s="114"/>
      <c r="E20" s="114"/>
      <c r="F20" s="101"/>
      <c r="G20" s="101"/>
      <c r="H20" s="101"/>
      <c r="I20" s="101"/>
      <c r="J20" s="101"/>
      <c r="K20" s="101"/>
      <c r="L20" s="115" t="s">
        <v>108</v>
      </c>
      <c r="M20" s="111"/>
      <c r="N20" s="116"/>
      <c r="O20" s="98"/>
    </row>
    <row r="21" spans="1:15" s="103" customFormat="1" x14ac:dyDescent="0.2">
      <c r="A21" s="98"/>
      <c r="B21" s="98"/>
      <c r="C21" s="98"/>
      <c r="D21" s="114"/>
      <c r="E21" s="114"/>
      <c r="F21" s="101"/>
      <c r="G21" s="101"/>
      <c r="H21" s="101"/>
      <c r="I21" s="101"/>
      <c r="J21" s="101"/>
      <c r="K21" s="101"/>
      <c r="L21" s="101"/>
      <c r="M21" s="117"/>
      <c r="N21" s="98"/>
      <c r="O21" s="98"/>
    </row>
    <row r="22" spans="1:15" s="103" customFormat="1" ht="15" customHeight="1" x14ac:dyDescent="0.2">
      <c r="A22" s="98"/>
      <c r="B22" s="98"/>
      <c r="D22" s="114"/>
      <c r="E22" s="114"/>
      <c r="F22" s="101"/>
      <c r="G22" s="101"/>
      <c r="H22" s="101"/>
      <c r="I22" s="101"/>
      <c r="J22" s="101"/>
      <c r="K22" s="101"/>
      <c r="L22" s="101"/>
      <c r="M22" s="117"/>
      <c r="N22" s="98"/>
      <c r="O22" s="98"/>
    </row>
    <row r="23" spans="1:15" s="118" customFormat="1" x14ac:dyDescent="0.2">
      <c r="A23" s="216" t="s">
        <v>12</v>
      </c>
      <c r="B23" s="216"/>
      <c r="D23" s="119"/>
      <c r="E23" s="119"/>
      <c r="F23" s="120"/>
      <c r="G23" s="120"/>
      <c r="H23" s="120"/>
      <c r="I23" s="120"/>
      <c r="J23" s="120"/>
      <c r="K23" s="120"/>
      <c r="L23" s="120"/>
      <c r="M23" s="121"/>
    </row>
    <row r="24" spans="1:15" ht="14.25" x14ac:dyDescent="0.2">
      <c r="A24" s="122"/>
      <c r="B24" s="123" t="s">
        <v>14</v>
      </c>
    </row>
    <row r="25" spans="1:15" ht="6.75" customHeight="1" x14ac:dyDescent="0.2">
      <c r="A25" s="128"/>
      <c r="B25" s="129"/>
    </row>
  </sheetData>
  <mergeCells count="17">
    <mergeCell ref="B7:C7"/>
    <mergeCell ref="B8:C8"/>
    <mergeCell ref="M16:N16"/>
    <mergeCell ref="B20:C20"/>
    <mergeCell ref="A23:B23"/>
    <mergeCell ref="M18:N18"/>
    <mergeCell ref="B19:C19"/>
    <mergeCell ref="M19:N19"/>
    <mergeCell ref="A1:O1"/>
    <mergeCell ref="A3:N3"/>
    <mergeCell ref="A4:N4"/>
    <mergeCell ref="A5:A6"/>
    <mergeCell ref="B5:C6"/>
    <mergeCell ref="D5:D6"/>
    <mergeCell ref="E5:E6"/>
    <mergeCell ref="I5:L5"/>
    <mergeCell ref="M5:N5"/>
  </mergeCells>
  <conditionalFormatting sqref="C10">
    <cfRule type="containsBlanks" dxfId="22" priority="5">
      <formula>LEN(TRIM(C10))=0</formula>
    </cfRule>
  </conditionalFormatting>
  <conditionalFormatting sqref="C10:C12 C14:C16">
    <cfRule type="containsBlanks" dxfId="21" priority="6">
      <formula>LEN(TRIM(C10))=0</formula>
    </cfRule>
  </conditionalFormatting>
  <conditionalFormatting sqref="B19:C19">
    <cfRule type="containsBlanks" dxfId="20" priority="4">
      <formula>LEN(TRIM(B19))=0</formula>
    </cfRule>
  </conditionalFormatting>
  <conditionalFormatting sqref="B20:C20">
    <cfRule type="containsBlanks" dxfId="19" priority="3">
      <formula>LEN(TRIM(B20))=0</formula>
    </cfRule>
  </conditionalFormatting>
  <conditionalFormatting sqref="M18:N18">
    <cfRule type="containsBlanks" dxfId="18" priority="2">
      <formula>LEN(TRIM(M18))=0</formula>
    </cfRule>
  </conditionalFormatting>
  <conditionalFormatting sqref="M19:N19">
    <cfRule type="containsBlanks" dxfId="17" priority="1">
      <formula>LEN(TRIM(M19))=0</formula>
    </cfRule>
  </conditionalFormatting>
  <pageMargins left="0.74803149606299213" right="0.74803149606299213" top="0.98425196850393704" bottom="0.98425196850393704" header="0.51181102362204722" footer="0.51181102362204722"/>
  <pageSetup scale="76" fitToHeight="0" orientation="landscape"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L20"/>
  <sheetViews>
    <sheetView showGridLines="0" zoomScale="90" zoomScaleNormal="90" workbookViewId="0">
      <selection activeCell="F31" sqref="F31"/>
    </sheetView>
  </sheetViews>
  <sheetFormatPr defaultColWidth="9.140625" defaultRowHeight="15" x14ac:dyDescent="0.25"/>
  <cols>
    <col min="1" max="1" width="7.5703125" style="13" customWidth="1"/>
    <col min="2" max="2" width="18.140625" style="13" customWidth="1"/>
    <col min="3" max="3" width="19.85546875" style="13" customWidth="1"/>
    <col min="4" max="4" width="37" style="13" customWidth="1"/>
    <col min="5" max="5" width="10.7109375" style="13" customWidth="1"/>
    <col min="6" max="6" width="15.7109375" style="13" customWidth="1"/>
    <col min="7" max="7" width="7.28515625" style="13" customWidth="1"/>
    <col min="8" max="12" width="15.7109375" style="13" customWidth="1"/>
    <col min="13" max="16384" width="9.140625" style="13"/>
  </cols>
  <sheetData>
    <row r="1" spans="1:12" x14ac:dyDescent="0.25">
      <c r="A1" s="220" t="s">
        <v>13</v>
      </c>
      <c r="B1" s="220"/>
    </row>
    <row r="2" spans="1:12" ht="31.5" customHeight="1" x14ac:dyDescent="0.25">
      <c r="A2" s="224" t="s">
        <v>45</v>
      </c>
      <c r="B2" s="224"/>
      <c r="C2" s="224"/>
      <c r="D2" s="224"/>
      <c r="E2" s="62"/>
      <c r="F2" s="62"/>
      <c r="G2" s="62"/>
      <c r="H2" s="62"/>
      <c r="I2" s="62"/>
      <c r="J2" s="62"/>
      <c r="K2" s="62"/>
      <c r="L2" s="62"/>
    </row>
    <row r="3" spans="1:12" ht="15" customHeight="1" x14ac:dyDescent="0.25">
      <c r="A3" s="221"/>
      <c r="B3" s="221"/>
      <c r="C3" s="221"/>
    </row>
    <row r="4" spans="1:12" s="14" customFormat="1" ht="44.25" customHeight="1" x14ac:dyDescent="0.25">
      <c r="A4" s="222" t="s">
        <v>22</v>
      </c>
      <c r="B4" s="222"/>
      <c r="C4" s="222"/>
      <c r="D4" s="222"/>
      <c r="E4" s="26"/>
      <c r="F4" s="26"/>
      <c r="G4" s="26"/>
      <c r="H4" s="26"/>
      <c r="I4" s="26"/>
      <c r="J4" s="26"/>
      <c r="K4" s="26"/>
      <c r="L4" s="26"/>
    </row>
    <row r="5" spans="1:12" s="14" customFormat="1" ht="20.100000000000001" customHeight="1" x14ac:dyDescent="0.2">
      <c r="A5" s="223" t="s">
        <v>1</v>
      </c>
      <c r="B5" s="223"/>
      <c r="C5" s="157" t="str">
        <f>IF('Príloha č. 1'!$C$6="","",'Príloha č. 1'!$C$6)</f>
        <v/>
      </c>
      <c r="D5" s="157"/>
      <c r="J5" s="27"/>
    </row>
    <row r="6" spans="1:12" s="14" customFormat="1" ht="20.100000000000001" customHeight="1" x14ac:dyDescent="0.25">
      <c r="A6" s="225" t="s">
        <v>2</v>
      </c>
      <c r="B6" s="225"/>
      <c r="C6" s="153" t="str">
        <f>IF('Príloha č. 1'!$C$7="","",'Príloha č. 1'!$C$7)</f>
        <v/>
      </c>
      <c r="D6" s="153"/>
    </row>
    <row r="7" spans="1:12" s="14" customFormat="1" ht="20.100000000000001" customHeight="1" x14ac:dyDescent="0.25">
      <c r="A7" s="225" t="s">
        <v>3</v>
      </c>
      <c r="B7" s="225"/>
      <c r="C7" s="153" t="str">
        <f>IF('Príloha č. 1'!$C$8="","",'Príloha č. 1'!$C$8)</f>
        <v/>
      </c>
      <c r="D7" s="153"/>
    </row>
    <row r="8" spans="1:12" s="14" customFormat="1" ht="20.100000000000001" customHeight="1" x14ac:dyDescent="0.25">
      <c r="A8" s="225" t="s">
        <v>4</v>
      </c>
      <c r="B8" s="225"/>
      <c r="C8" s="153" t="str">
        <f>IF('Príloha č. 1'!$C$9="","",'Príloha č. 1'!$C$9)</f>
        <v/>
      </c>
      <c r="D8" s="153"/>
    </row>
    <row r="9" spans="1:12" x14ac:dyDescent="0.25">
      <c r="C9" s="25"/>
    </row>
    <row r="10" spans="1:12" ht="44.25" customHeight="1" x14ac:dyDescent="0.25">
      <c r="A10" s="226" t="s">
        <v>23</v>
      </c>
      <c r="B10" s="226"/>
      <c r="C10" s="226"/>
      <c r="D10" s="226"/>
    </row>
    <row r="12" spans="1:12" ht="20.100000000000001" customHeight="1" x14ac:dyDescent="0.25">
      <c r="A12" s="13" t="s">
        <v>9</v>
      </c>
      <c r="B12" s="153" t="str">
        <f>IF('Príloha č. 1'!B24:C24="","",'Príloha č. 1'!B24:C24)</f>
        <v/>
      </c>
      <c r="C12" s="153"/>
    </row>
    <row r="13" spans="1:12" ht="20.100000000000001" customHeight="1" x14ac:dyDescent="0.25">
      <c r="A13" s="13" t="s">
        <v>10</v>
      </c>
      <c r="B13" s="154" t="str">
        <f>IF('Príloha č. 1'!B25:C25="","",'Príloha č. 1'!B25:C25)</f>
        <v/>
      </c>
      <c r="C13" s="154"/>
    </row>
    <row r="15" spans="1:12" ht="24.95" customHeight="1" x14ac:dyDescent="0.25">
      <c r="C15" s="37" t="s">
        <v>29</v>
      </c>
      <c r="D15" s="2"/>
      <c r="K15" s="28"/>
      <c r="L15" s="28"/>
    </row>
    <row r="16" spans="1:12" ht="24.95" customHeight="1" x14ac:dyDescent="0.25">
      <c r="C16" s="37" t="s">
        <v>30</v>
      </c>
      <c r="D16" s="38"/>
    </row>
    <row r="17" spans="1:7" ht="24.95" customHeight="1" x14ac:dyDescent="0.25">
      <c r="C17" s="37"/>
    </row>
    <row r="18" spans="1:7" s="15" customFormat="1" x14ac:dyDescent="0.25">
      <c r="A18" s="227" t="s">
        <v>12</v>
      </c>
      <c r="B18" s="227"/>
      <c r="E18" s="13"/>
    </row>
    <row r="19" spans="1:7" s="18" customFormat="1" ht="15" customHeight="1" x14ac:dyDescent="0.25">
      <c r="A19" s="16"/>
      <c r="B19" s="228" t="s">
        <v>14</v>
      </c>
      <c r="C19" s="228"/>
      <c r="D19" s="17"/>
      <c r="E19" s="13"/>
    </row>
    <row r="20" spans="1:7" s="22" customFormat="1" ht="5.85" customHeight="1" x14ac:dyDescent="0.25">
      <c r="A20" s="13"/>
      <c r="B20" s="19"/>
      <c r="C20" s="29"/>
      <c r="D20" s="20"/>
      <c r="E20" s="13"/>
      <c r="F20" s="21"/>
      <c r="G20" s="20"/>
    </row>
  </sheetData>
  <mergeCells count="17">
    <mergeCell ref="A10:D10"/>
    <mergeCell ref="B12:C12"/>
    <mergeCell ref="B13:C13"/>
    <mergeCell ref="A18:B18"/>
    <mergeCell ref="B19:C19"/>
    <mergeCell ref="A6:B6"/>
    <mergeCell ref="C6:D6"/>
    <mergeCell ref="A7:B7"/>
    <mergeCell ref="C7:D7"/>
    <mergeCell ref="A8:B8"/>
    <mergeCell ref="C8:D8"/>
    <mergeCell ref="A1:B1"/>
    <mergeCell ref="A3:C3"/>
    <mergeCell ref="A4:D4"/>
    <mergeCell ref="A5:B5"/>
    <mergeCell ref="C5:D5"/>
    <mergeCell ref="A2:D2"/>
  </mergeCells>
  <conditionalFormatting sqref="C5:D8">
    <cfRule type="containsBlanks" dxfId="16" priority="4">
      <formula>LEN(TRIM(C5))=0</formula>
    </cfRule>
  </conditionalFormatting>
  <conditionalFormatting sqref="B12:C13">
    <cfRule type="containsBlanks" dxfId="15" priority="2">
      <formula>LEN(TRIM(B12))=0</formula>
    </cfRule>
  </conditionalFormatting>
  <conditionalFormatting sqref="D16">
    <cfRule type="containsBlanks" dxfId="14" priority="1">
      <formula>LEN(TRIM(D16))=0</formula>
    </cfRule>
  </conditionalFormatting>
  <pageMargins left="0.98425196850393704" right="0.39370078740157483" top="0.98425196850393704" bottom="0.39370078740157483" header="0.31496062992125984" footer="0.31496062992125984"/>
  <pageSetup paperSize="9" fitToHeight="0" orientation="portrait" r:id="rId1"/>
  <headerFooter>
    <oddHeader xml:space="preserve">&amp;L&amp;"Times New Roman,Tučné"Príloha č. 4 &amp;"Times New Roman,Normálne"
Vyhlásenie uchádzača o súhlase s obsahom návrhu zmluvných podmienok </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90" zoomScaleNormal="90" workbookViewId="0">
      <selection activeCell="E25" sqref="E25"/>
    </sheetView>
  </sheetViews>
  <sheetFormatPr defaultRowHeight="12.75" x14ac:dyDescent="0.2"/>
  <cols>
    <col min="1" max="1" width="4.7109375" style="45" bestFit="1" customWidth="1"/>
    <col min="2" max="2" width="19.7109375" style="45" customWidth="1"/>
    <col min="3" max="3" width="28.7109375" style="45" customWidth="1"/>
    <col min="4" max="4" width="33.42578125" style="45" customWidth="1"/>
    <col min="5" max="5" width="10.42578125" style="45" bestFit="1" customWidth="1"/>
    <col min="6" max="256" width="9.140625" style="45"/>
    <col min="257" max="257" width="4.7109375" style="45" bestFit="1" customWidth="1"/>
    <col min="258" max="258" width="19.7109375" style="45" customWidth="1"/>
    <col min="259" max="259" width="28.7109375" style="45" customWidth="1"/>
    <col min="260" max="260" width="33.42578125" style="45" customWidth="1"/>
    <col min="261" max="261" width="10.42578125" style="45" bestFit="1" customWidth="1"/>
    <col min="262" max="512" width="9.140625" style="45"/>
    <col min="513" max="513" width="4.7109375" style="45" bestFit="1" customWidth="1"/>
    <col min="514" max="514" width="19.7109375" style="45" customWidth="1"/>
    <col min="515" max="515" width="28.7109375" style="45" customWidth="1"/>
    <col min="516" max="516" width="33.42578125" style="45" customWidth="1"/>
    <col min="517" max="517" width="10.42578125" style="45" bestFit="1" customWidth="1"/>
    <col min="518" max="768" width="9.140625" style="45"/>
    <col min="769" max="769" width="4.7109375" style="45" bestFit="1" customWidth="1"/>
    <col min="770" max="770" width="19.7109375" style="45" customWidth="1"/>
    <col min="771" max="771" width="28.7109375" style="45" customWidth="1"/>
    <col min="772" max="772" width="33.42578125" style="45" customWidth="1"/>
    <col min="773" max="773" width="10.42578125" style="45" bestFit="1" customWidth="1"/>
    <col min="774" max="1024" width="9.140625" style="45"/>
    <col min="1025" max="1025" width="4.7109375" style="45" bestFit="1" customWidth="1"/>
    <col min="1026" max="1026" width="19.7109375" style="45" customWidth="1"/>
    <col min="1027" max="1027" width="28.7109375" style="45" customWidth="1"/>
    <col min="1028" max="1028" width="33.42578125" style="45" customWidth="1"/>
    <col min="1029" max="1029" width="10.42578125" style="45" bestFit="1" customWidth="1"/>
    <col min="1030" max="1280" width="9.140625" style="45"/>
    <col min="1281" max="1281" width="4.7109375" style="45" bestFit="1" customWidth="1"/>
    <col min="1282" max="1282" width="19.7109375" style="45" customWidth="1"/>
    <col min="1283" max="1283" width="28.7109375" style="45" customWidth="1"/>
    <col min="1284" max="1284" width="33.42578125" style="45" customWidth="1"/>
    <col min="1285" max="1285" width="10.42578125" style="45" bestFit="1" customWidth="1"/>
    <col min="1286" max="1536" width="9.140625" style="45"/>
    <col min="1537" max="1537" width="4.7109375" style="45" bestFit="1" customWidth="1"/>
    <col min="1538" max="1538" width="19.7109375" style="45" customWidth="1"/>
    <col min="1539" max="1539" width="28.7109375" style="45" customWidth="1"/>
    <col min="1540" max="1540" width="33.42578125" style="45" customWidth="1"/>
    <col min="1541" max="1541" width="10.42578125" style="45" bestFit="1" customWidth="1"/>
    <col min="1542" max="1792" width="9.140625" style="45"/>
    <col min="1793" max="1793" width="4.7109375" style="45" bestFit="1" customWidth="1"/>
    <col min="1794" max="1794" width="19.7109375" style="45" customWidth="1"/>
    <col min="1795" max="1795" width="28.7109375" style="45" customWidth="1"/>
    <col min="1796" max="1796" width="33.42578125" style="45" customWidth="1"/>
    <col min="1797" max="1797" width="10.42578125" style="45" bestFit="1" customWidth="1"/>
    <col min="1798" max="2048" width="9.140625" style="45"/>
    <col min="2049" max="2049" width="4.7109375" style="45" bestFit="1" customWidth="1"/>
    <col min="2050" max="2050" width="19.7109375" style="45" customWidth="1"/>
    <col min="2051" max="2051" width="28.7109375" style="45" customWidth="1"/>
    <col min="2052" max="2052" width="33.42578125" style="45" customWidth="1"/>
    <col min="2053" max="2053" width="10.42578125" style="45" bestFit="1" customWidth="1"/>
    <col min="2054" max="2304" width="9.140625" style="45"/>
    <col min="2305" max="2305" width="4.7109375" style="45" bestFit="1" customWidth="1"/>
    <col min="2306" max="2306" width="19.7109375" style="45" customWidth="1"/>
    <col min="2307" max="2307" width="28.7109375" style="45" customWidth="1"/>
    <col min="2308" max="2308" width="33.42578125" style="45" customWidth="1"/>
    <col min="2309" max="2309" width="10.42578125" style="45" bestFit="1" customWidth="1"/>
    <col min="2310" max="2560" width="9.140625" style="45"/>
    <col min="2561" max="2561" width="4.7109375" style="45" bestFit="1" customWidth="1"/>
    <col min="2562" max="2562" width="19.7109375" style="45" customWidth="1"/>
    <col min="2563" max="2563" width="28.7109375" style="45" customWidth="1"/>
    <col min="2564" max="2564" width="33.42578125" style="45" customWidth="1"/>
    <col min="2565" max="2565" width="10.42578125" style="45" bestFit="1" customWidth="1"/>
    <col min="2566" max="2816" width="9.140625" style="45"/>
    <col min="2817" max="2817" width="4.7109375" style="45" bestFit="1" customWidth="1"/>
    <col min="2818" max="2818" width="19.7109375" style="45" customWidth="1"/>
    <col min="2819" max="2819" width="28.7109375" style="45" customWidth="1"/>
    <col min="2820" max="2820" width="33.42578125" style="45" customWidth="1"/>
    <col min="2821" max="2821" width="10.42578125" style="45" bestFit="1" customWidth="1"/>
    <col min="2822" max="3072" width="9.140625" style="45"/>
    <col min="3073" max="3073" width="4.7109375" style="45" bestFit="1" customWidth="1"/>
    <col min="3074" max="3074" width="19.7109375" style="45" customWidth="1"/>
    <col min="3075" max="3075" width="28.7109375" style="45" customWidth="1"/>
    <col min="3076" max="3076" width="33.42578125" style="45" customWidth="1"/>
    <col min="3077" max="3077" width="10.42578125" style="45" bestFit="1" customWidth="1"/>
    <col min="3078" max="3328" width="9.140625" style="45"/>
    <col min="3329" max="3329" width="4.7109375" style="45" bestFit="1" customWidth="1"/>
    <col min="3330" max="3330" width="19.7109375" style="45" customWidth="1"/>
    <col min="3331" max="3331" width="28.7109375" style="45" customWidth="1"/>
    <col min="3332" max="3332" width="33.42578125" style="45" customWidth="1"/>
    <col min="3333" max="3333" width="10.42578125" style="45" bestFit="1" customWidth="1"/>
    <col min="3334" max="3584" width="9.140625" style="45"/>
    <col min="3585" max="3585" width="4.7109375" style="45" bestFit="1" customWidth="1"/>
    <col min="3586" max="3586" width="19.7109375" style="45" customWidth="1"/>
    <col min="3587" max="3587" width="28.7109375" style="45" customWidth="1"/>
    <col min="3588" max="3588" width="33.42578125" style="45" customWidth="1"/>
    <col min="3589" max="3589" width="10.42578125" style="45" bestFit="1" customWidth="1"/>
    <col min="3590" max="3840" width="9.140625" style="45"/>
    <col min="3841" max="3841" width="4.7109375" style="45" bestFit="1" customWidth="1"/>
    <col min="3842" max="3842" width="19.7109375" style="45" customWidth="1"/>
    <col min="3843" max="3843" width="28.7109375" style="45" customWidth="1"/>
    <col min="3844" max="3844" width="33.42578125" style="45" customWidth="1"/>
    <col min="3845" max="3845" width="10.42578125" style="45" bestFit="1" customWidth="1"/>
    <col min="3846" max="4096" width="9.140625" style="45"/>
    <col min="4097" max="4097" width="4.7109375" style="45" bestFit="1" customWidth="1"/>
    <col min="4098" max="4098" width="19.7109375" style="45" customWidth="1"/>
    <col min="4099" max="4099" width="28.7109375" style="45" customWidth="1"/>
    <col min="4100" max="4100" width="33.42578125" style="45" customWidth="1"/>
    <col min="4101" max="4101" width="10.42578125" style="45" bestFit="1" customWidth="1"/>
    <col min="4102" max="4352" width="9.140625" style="45"/>
    <col min="4353" max="4353" width="4.7109375" style="45" bestFit="1" customWidth="1"/>
    <col min="4354" max="4354" width="19.7109375" style="45" customWidth="1"/>
    <col min="4355" max="4355" width="28.7109375" style="45" customWidth="1"/>
    <col min="4356" max="4356" width="33.42578125" style="45" customWidth="1"/>
    <col min="4357" max="4357" width="10.42578125" style="45" bestFit="1" customWidth="1"/>
    <col min="4358" max="4608" width="9.140625" style="45"/>
    <col min="4609" max="4609" width="4.7109375" style="45" bestFit="1" customWidth="1"/>
    <col min="4610" max="4610" width="19.7109375" style="45" customWidth="1"/>
    <col min="4611" max="4611" width="28.7109375" style="45" customWidth="1"/>
    <col min="4612" max="4612" width="33.42578125" style="45" customWidth="1"/>
    <col min="4613" max="4613" width="10.42578125" style="45" bestFit="1" customWidth="1"/>
    <col min="4614" max="4864" width="9.140625" style="45"/>
    <col min="4865" max="4865" width="4.7109375" style="45" bestFit="1" customWidth="1"/>
    <col min="4866" max="4866" width="19.7109375" style="45" customWidth="1"/>
    <col min="4867" max="4867" width="28.7109375" style="45" customWidth="1"/>
    <col min="4868" max="4868" width="33.42578125" style="45" customWidth="1"/>
    <col min="4869" max="4869" width="10.42578125" style="45" bestFit="1" customWidth="1"/>
    <col min="4870" max="5120" width="9.140625" style="45"/>
    <col min="5121" max="5121" width="4.7109375" style="45" bestFit="1" customWidth="1"/>
    <col min="5122" max="5122" width="19.7109375" style="45" customWidth="1"/>
    <col min="5123" max="5123" width="28.7109375" style="45" customWidth="1"/>
    <col min="5124" max="5124" width="33.42578125" style="45" customWidth="1"/>
    <col min="5125" max="5125" width="10.42578125" style="45" bestFit="1" customWidth="1"/>
    <col min="5126" max="5376" width="9.140625" style="45"/>
    <col min="5377" max="5377" width="4.7109375" style="45" bestFit="1" customWidth="1"/>
    <col min="5378" max="5378" width="19.7109375" style="45" customWidth="1"/>
    <col min="5379" max="5379" width="28.7109375" style="45" customWidth="1"/>
    <col min="5380" max="5380" width="33.42578125" style="45" customWidth="1"/>
    <col min="5381" max="5381" width="10.42578125" style="45" bestFit="1" customWidth="1"/>
    <col min="5382" max="5632" width="9.140625" style="45"/>
    <col min="5633" max="5633" width="4.7109375" style="45" bestFit="1" customWidth="1"/>
    <col min="5634" max="5634" width="19.7109375" style="45" customWidth="1"/>
    <col min="5635" max="5635" width="28.7109375" style="45" customWidth="1"/>
    <col min="5636" max="5636" width="33.42578125" style="45" customWidth="1"/>
    <col min="5637" max="5637" width="10.42578125" style="45" bestFit="1" customWidth="1"/>
    <col min="5638" max="5888" width="9.140625" style="45"/>
    <col min="5889" max="5889" width="4.7109375" style="45" bestFit="1" customWidth="1"/>
    <col min="5890" max="5890" width="19.7109375" style="45" customWidth="1"/>
    <col min="5891" max="5891" width="28.7109375" style="45" customWidth="1"/>
    <col min="5892" max="5892" width="33.42578125" style="45" customWidth="1"/>
    <col min="5893" max="5893" width="10.42578125" style="45" bestFit="1" customWidth="1"/>
    <col min="5894" max="6144" width="9.140625" style="45"/>
    <col min="6145" max="6145" width="4.7109375" style="45" bestFit="1" customWidth="1"/>
    <col min="6146" max="6146" width="19.7109375" style="45" customWidth="1"/>
    <col min="6147" max="6147" width="28.7109375" style="45" customWidth="1"/>
    <col min="6148" max="6148" width="33.42578125" style="45" customWidth="1"/>
    <col min="6149" max="6149" width="10.42578125" style="45" bestFit="1" customWidth="1"/>
    <col min="6150" max="6400" width="9.140625" style="45"/>
    <col min="6401" max="6401" width="4.7109375" style="45" bestFit="1" customWidth="1"/>
    <col min="6402" max="6402" width="19.7109375" style="45" customWidth="1"/>
    <col min="6403" max="6403" width="28.7109375" style="45" customWidth="1"/>
    <col min="6404" max="6404" width="33.42578125" style="45" customWidth="1"/>
    <col min="6405" max="6405" width="10.42578125" style="45" bestFit="1" customWidth="1"/>
    <col min="6406" max="6656" width="9.140625" style="45"/>
    <col min="6657" max="6657" width="4.7109375" style="45" bestFit="1" customWidth="1"/>
    <col min="6658" max="6658" width="19.7109375" style="45" customWidth="1"/>
    <col min="6659" max="6659" width="28.7109375" style="45" customWidth="1"/>
    <col min="6660" max="6660" width="33.42578125" style="45" customWidth="1"/>
    <col min="6661" max="6661" width="10.42578125" style="45" bestFit="1" customWidth="1"/>
    <col min="6662" max="6912" width="9.140625" style="45"/>
    <col min="6913" max="6913" width="4.7109375" style="45" bestFit="1" customWidth="1"/>
    <col min="6914" max="6914" width="19.7109375" style="45" customWidth="1"/>
    <col min="6915" max="6915" width="28.7109375" style="45" customWidth="1"/>
    <col min="6916" max="6916" width="33.42578125" style="45" customWidth="1"/>
    <col min="6917" max="6917" width="10.42578125" style="45" bestFit="1" customWidth="1"/>
    <col min="6918" max="7168" width="9.140625" style="45"/>
    <col min="7169" max="7169" width="4.7109375" style="45" bestFit="1" customWidth="1"/>
    <col min="7170" max="7170" width="19.7109375" style="45" customWidth="1"/>
    <col min="7171" max="7171" width="28.7109375" style="45" customWidth="1"/>
    <col min="7172" max="7172" width="33.42578125" style="45" customWidth="1"/>
    <col min="7173" max="7173" width="10.42578125" style="45" bestFit="1" customWidth="1"/>
    <col min="7174" max="7424" width="9.140625" style="45"/>
    <col min="7425" max="7425" width="4.7109375" style="45" bestFit="1" customWidth="1"/>
    <col min="7426" max="7426" width="19.7109375" style="45" customWidth="1"/>
    <col min="7427" max="7427" width="28.7109375" style="45" customWidth="1"/>
    <col min="7428" max="7428" width="33.42578125" style="45" customWidth="1"/>
    <col min="7429" max="7429" width="10.42578125" style="45" bestFit="1" customWidth="1"/>
    <col min="7430" max="7680" width="9.140625" style="45"/>
    <col min="7681" max="7681" width="4.7109375" style="45" bestFit="1" customWidth="1"/>
    <col min="7682" max="7682" width="19.7109375" style="45" customWidth="1"/>
    <col min="7683" max="7683" width="28.7109375" style="45" customWidth="1"/>
    <col min="7684" max="7684" width="33.42578125" style="45" customWidth="1"/>
    <col min="7685" max="7685" width="10.42578125" style="45" bestFit="1" customWidth="1"/>
    <col min="7686" max="7936" width="9.140625" style="45"/>
    <col min="7937" max="7937" width="4.7109375" style="45" bestFit="1" customWidth="1"/>
    <col min="7938" max="7938" width="19.7109375" style="45" customWidth="1"/>
    <col min="7939" max="7939" width="28.7109375" style="45" customWidth="1"/>
    <col min="7940" max="7940" width="33.42578125" style="45" customWidth="1"/>
    <col min="7941" max="7941" width="10.42578125" style="45" bestFit="1" customWidth="1"/>
    <col min="7942" max="8192" width="9.140625" style="45"/>
    <col min="8193" max="8193" width="4.7109375" style="45" bestFit="1" customWidth="1"/>
    <col min="8194" max="8194" width="19.7109375" style="45" customWidth="1"/>
    <col min="8195" max="8195" width="28.7109375" style="45" customWidth="1"/>
    <col min="8196" max="8196" width="33.42578125" style="45" customWidth="1"/>
    <col min="8197" max="8197" width="10.42578125" style="45" bestFit="1" customWidth="1"/>
    <col min="8198" max="8448" width="9.140625" style="45"/>
    <col min="8449" max="8449" width="4.7109375" style="45" bestFit="1" customWidth="1"/>
    <col min="8450" max="8450" width="19.7109375" style="45" customWidth="1"/>
    <col min="8451" max="8451" width="28.7109375" style="45" customWidth="1"/>
    <col min="8452" max="8452" width="33.42578125" style="45" customWidth="1"/>
    <col min="8453" max="8453" width="10.42578125" style="45" bestFit="1" customWidth="1"/>
    <col min="8454" max="8704" width="9.140625" style="45"/>
    <col min="8705" max="8705" width="4.7109375" style="45" bestFit="1" customWidth="1"/>
    <col min="8706" max="8706" width="19.7109375" style="45" customWidth="1"/>
    <col min="8707" max="8707" width="28.7109375" style="45" customWidth="1"/>
    <col min="8708" max="8708" width="33.42578125" style="45" customWidth="1"/>
    <col min="8709" max="8709" width="10.42578125" style="45" bestFit="1" customWidth="1"/>
    <col min="8710" max="8960" width="9.140625" style="45"/>
    <col min="8961" max="8961" width="4.7109375" style="45" bestFit="1" customWidth="1"/>
    <col min="8962" max="8962" width="19.7109375" style="45" customWidth="1"/>
    <col min="8963" max="8963" width="28.7109375" style="45" customWidth="1"/>
    <col min="8964" max="8964" width="33.42578125" style="45" customWidth="1"/>
    <col min="8965" max="8965" width="10.42578125" style="45" bestFit="1" customWidth="1"/>
    <col min="8966" max="9216" width="9.140625" style="45"/>
    <col min="9217" max="9217" width="4.7109375" style="45" bestFit="1" customWidth="1"/>
    <col min="9218" max="9218" width="19.7109375" style="45" customWidth="1"/>
    <col min="9219" max="9219" width="28.7109375" style="45" customWidth="1"/>
    <col min="9220" max="9220" width="33.42578125" style="45" customWidth="1"/>
    <col min="9221" max="9221" width="10.42578125" style="45" bestFit="1" customWidth="1"/>
    <col min="9222" max="9472" width="9.140625" style="45"/>
    <col min="9473" max="9473" width="4.7109375" style="45" bestFit="1" customWidth="1"/>
    <col min="9474" max="9474" width="19.7109375" style="45" customWidth="1"/>
    <col min="9475" max="9475" width="28.7109375" style="45" customWidth="1"/>
    <col min="9476" max="9476" width="33.42578125" style="45" customWidth="1"/>
    <col min="9477" max="9477" width="10.42578125" style="45" bestFit="1" customWidth="1"/>
    <col min="9478" max="9728" width="9.140625" style="45"/>
    <col min="9729" max="9729" width="4.7109375" style="45" bestFit="1" customWidth="1"/>
    <col min="9730" max="9730" width="19.7109375" style="45" customWidth="1"/>
    <col min="9731" max="9731" width="28.7109375" style="45" customWidth="1"/>
    <col min="9732" max="9732" width="33.42578125" style="45" customWidth="1"/>
    <col min="9733" max="9733" width="10.42578125" style="45" bestFit="1" customWidth="1"/>
    <col min="9734" max="9984" width="9.140625" style="45"/>
    <col min="9985" max="9985" width="4.7109375" style="45" bestFit="1" customWidth="1"/>
    <col min="9986" max="9986" width="19.7109375" style="45" customWidth="1"/>
    <col min="9987" max="9987" width="28.7109375" style="45" customWidth="1"/>
    <col min="9988" max="9988" width="33.42578125" style="45" customWidth="1"/>
    <col min="9989" max="9989" width="10.42578125" style="45" bestFit="1" customWidth="1"/>
    <col min="9990" max="10240" width="9.140625" style="45"/>
    <col min="10241" max="10241" width="4.7109375" style="45" bestFit="1" customWidth="1"/>
    <col min="10242" max="10242" width="19.7109375" style="45" customWidth="1"/>
    <col min="10243" max="10243" width="28.7109375" style="45" customWidth="1"/>
    <col min="10244" max="10244" width="33.42578125" style="45" customWidth="1"/>
    <col min="10245" max="10245" width="10.42578125" style="45" bestFit="1" customWidth="1"/>
    <col min="10246" max="10496" width="9.140625" style="45"/>
    <col min="10497" max="10497" width="4.7109375" style="45" bestFit="1" customWidth="1"/>
    <col min="10498" max="10498" width="19.7109375" style="45" customWidth="1"/>
    <col min="10499" max="10499" width="28.7109375" style="45" customWidth="1"/>
    <col min="10500" max="10500" width="33.42578125" style="45" customWidth="1"/>
    <col min="10501" max="10501" width="10.42578125" style="45" bestFit="1" customWidth="1"/>
    <col min="10502" max="10752" width="9.140625" style="45"/>
    <col min="10753" max="10753" width="4.7109375" style="45" bestFit="1" customWidth="1"/>
    <col min="10754" max="10754" width="19.7109375" style="45" customWidth="1"/>
    <col min="10755" max="10755" width="28.7109375" style="45" customWidth="1"/>
    <col min="10756" max="10756" width="33.42578125" style="45" customWidth="1"/>
    <col min="10757" max="10757" width="10.42578125" style="45" bestFit="1" customWidth="1"/>
    <col min="10758" max="11008" width="9.140625" style="45"/>
    <col min="11009" max="11009" width="4.7109375" style="45" bestFit="1" customWidth="1"/>
    <col min="11010" max="11010" width="19.7109375" style="45" customWidth="1"/>
    <col min="11011" max="11011" width="28.7109375" style="45" customWidth="1"/>
    <col min="11012" max="11012" width="33.42578125" style="45" customWidth="1"/>
    <col min="11013" max="11013" width="10.42578125" style="45" bestFit="1" customWidth="1"/>
    <col min="11014" max="11264" width="9.140625" style="45"/>
    <col min="11265" max="11265" width="4.7109375" style="45" bestFit="1" customWidth="1"/>
    <col min="11266" max="11266" width="19.7109375" style="45" customWidth="1"/>
    <col min="11267" max="11267" width="28.7109375" style="45" customWidth="1"/>
    <col min="11268" max="11268" width="33.42578125" style="45" customWidth="1"/>
    <col min="11269" max="11269" width="10.42578125" style="45" bestFit="1" customWidth="1"/>
    <col min="11270" max="11520" width="9.140625" style="45"/>
    <col min="11521" max="11521" width="4.7109375" style="45" bestFit="1" customWidth="1"/>
    <col min="11522" max="11522" width="19.7109375" style="45" customWidth="1"/>
    <col min="11523" max="11523" width="28.7109375" style="45" customWidth="1"/>
    <col min="11524" max="11524" width="33.42578125" style="45" customWidth="1"/>
    <col min="11525" max="11525" width="10.42578125" style="45" bestFit="1" customWidth="1"/>
    <col min="11526" max="11776" width="9.140625" style="45"/>
    <col min="11777" max="11777" width="4.7109375" style="45" bestFit="1" customWidth="1"/>
    <col min="11778" max="11778" width="19.7109375" style="45" customWidth="1"/>
    <col min="11779" max="11779" width="28.7109375" style="45" customWidth="1"/>
    <col min="11780" max="11780" width="33.42578125" style="45" customWidth="1"/>
    <col min="11781" max="11781" width="10.42578125" style="45" bestFit="1" customWidth="1"/>
    <col min="11782" max="12032" width="9.140625" style="45"/>
    <col min="12033" max="12033" width="4.7109375" style="45" bestFit="1" customWidth="1"/>
    <col min="12034" max="12034" width="19.7109375" style="45" customWidth="1"/>
    <col min="12035" max="12035" width="28.7109375" style="45" customWidth="1"/>
    <col min="12036" max="12036" width="33.42578125" style="45" customWidth="1"/>
    <col min="12037" max="12037" width="10.42578125" style="45" bestFit="1" customWidth="1"/>
    <col min="12038" max="12288" width="9.140625" style="45"/>
    <col min="12289" max="12289" width="4.7109375" style="45" bestFit="1" customWidth="1"/>
    <col min="12290" max="12290" width="19.7109375" style="45" customWidth="1"/>
    <col min="12291" max="12291" width="28.7109375" style="45" customWidth="1"/>
    <col min="12292" max="12292" width="33.42578125" style="45" customWidth="1"/>
    <col min="12293" max="12293" width="10.42578125" style="45" bestFit="1" customWidth="1"/>
    <col min="12294" max="12544" width="9.140625" style="45"/>
    <col min="12545" max="12545" width="4.7109375" style="45" bestFit="1" customWidth="1"/>
    <col min="12546" max="12546" width="19.7109375" style="45" customWidth="1"/>
    <col min="12547" max="12547" width="28.7109375" style="45" customWidth="1"/>
    <col min="12548" max="12548" width="33.42578125" style="45" customWidth="1"/>
    <col min="12549" max="12549" width="10.42578125" style="45" bestFit="1" customWidth="1"/>
    <col min="12550" max="12800" width="9.140625" style="45"/>
    <col min="12801" max="12801" width="4.7109375" style="45" bestFit="1" customWidth="1"/>
    <col min="12802" max="12802" width="19.7109375" style="45" customWidth="1"/>
    <col min="12803" max="12803" width="28.7109375" style="45" customWidth="1"/>
    <col min="12804" max="12804" width="33.42578125" style="45" customWidth="1"/>
    <col min="12805" max="12805" width="10.42578125" style="45" bestFit="1" customWidth="1"/>
    <col min="12806" max="13056" width="9.140625" style="45"/>
    <col min="13057" max="13057" width="4.7109375" style="45" bestFit="1" customWidth="1"/>
    <col min="13058" max="13058" width="19.7109375" style="45" customWidth="1"/>
    <col min="13059" max="13059" width="28.7109375" style="45" customWidth="1"/>
    <col min="13060" max="13060" width="33.42578125" style="45" customWidth="1"/>
    <col min="13061" max="13061" width="10.42578125" style="45" bestFit="1" customWidth="1"/>
    <col min="13062" max="13312" width="9.140625" style="45"/>
    <col min="13313" max="13313" width="4.7109375" style="45" bestFit="1" customWidth="1"/>
    <col min="13314" max="13314" width="19.7109375" style="45" customWidth="1"/>
    <col min="13315" max="13315" width="28.7109375" style="45" customWidth="1"/>
    <col min="13316" max="13316" width="33.42578125" style="45" customWidth="1"/>
    <col min="13317" max="13317" width="10.42578125" style="45" bestFit="1" customWidth="1"/>
    <col min="13318" max="13568" width="9.140625" style="45"/>
    <col min="13569" max="13569" width="4.7109375" style="45" bestFit="1" customWidth="1"/>
    <col min="13570" max="13570" width="19.7109375" style="45" customWidth="1"/>
    <col min="13571" max="13571" width="28.7109375" style="45" customWidth="1"/>
    <col min="13572" max="13572" width="33.42578125" style="45" customWidth="1"/>
    <col min="13573" max="13573" width="10.42578125" style="45" bestFit="1" customWidth="1"/>
    <col min="13574" max="13824" width="9.140625" style="45"/>
    <col min="13825" max="13825" width="4.7109375" style="45" bestFit="1" customWidth="1"/>
    <col min="13826" max="13826" width="19.7109375" style="45" customWidth="1"/>
    <col min="13827" max="13827" width="28.7109375" style="45" customWidth="1"/>
    <col min="13828" max="13828" width="33.42578125" style="45" customWidth="1"/>
    <col min="13829" max="13829" width="10.42578125" style="45" bestFit="1" customWidth="1"/>
    <col min="13830" max="14080" width="9.140625" style="45"/>
    <col min="14081" max="14081" width="4.7109375" style="45" bestFit="1" customWidth="1"/>
    <col min="14082" max="14082" width="19.7109375" style="45" customWidth="1"/>
    <col min="14083" max="14083" width="28.7109375" style="45" customWidth="1"/>
    <col min="14084" max="14084" width="33.42578125" style="45" customWidth="1"/>
    <col min="14085" max="14085" width="10.42578125" style="45" bestFit="1" customWidth="1"/>
    <col min="14086" max="14336" width="9.140625" style="45"/>
    <col min="14337" max="14337" width="4.7109375" style="45" bestFit="1" customWidth="1"/>
    <col min="14338" max="14338" width="19.7109375" style="45" customWidth="1"/>
    <col min="14339" max="14339" width="28.7109375" style="45" customWidth="1"/>
    <col min="14340" max="14340" width="33.42578125" style="45" customWidth="1"/>
    <col min="14341" max="14341" width="10.42578125" style="45" bestFit="1" customWidth="1"/>
    <col min="14342" max="14592" width="9.140625" style="45"/>
    <col min="14593" max="14593" width="4.7109375" style="45" bestFit="1" customWidth="1"/>
    <col min="14594" max="14594" width="19.7109375" style="45" customWidth="1"/>
    <col min="14595" max="14595" width="28.7109375" style="45" customWidth="1"/>
    <col min="14596" max="14596" width="33.42578125" style="45" customWidth="1"/>
    <col min="14597" max="14597" width="10.42578125" style="45" bestFit="1" customWidth="1"/>
    <col min="14598" max="14848" width="9.140625" style="45"/>
    <col min="14849" max="14849" width="4.7109375" style="45" bestFit="1" customWidth="1"/>
    <col min="14850" max="14850" width="19.7109375" style="45" customWidth="1"/>
    <col min="14851" max="14851" width="28.7109375" style="45" customWidth="1"/>
    <col min="14852" max="14852" width="33.42578125" style="45" customWidth="1"/>
    <col min="14853" max="14853" width="10.42578125" style="45" bestFit="1" customWidth="1"/>
    <col min="14854" max="15104" width="9.140625" style="45"/>
    <col min="15105" max="15105" width="4.7109375" style="45" bestFit="1" customWidth="1"/>
    <col min="15106" max="15106" width="19.7109375" style="45" customWidth="1"/>
    <col min="15107" max="15107" width="28.7109375" style="45" customWidth="1"/>
    <col min="15108" max="15108" width="33.42578125" style="45" customWidth="1"/>
    <col min="15109" max="15109" width="10.42578125" style="45" bestFit="1" customWidth="1"/>
    <col min="15110" max="15360" width="9.140625" style="45"/>
    <col min="15361" max="15361" width="4.7109375" style="45" bestFit="1" customWidth="1"/>
    <col min="15362" max="15362" width="19.7109375" style="45" customWidth="1"/>
    <col min="15363" max="15363" width="28.7109375" style="45" customWidth="1"/>
    <col min="15364" max="15364" width="33.42578125" style="45" customWidth="1"/>
    <col min="15365" max="15365" width="10.42578125" style="45" bestFit="1" customWidth="1"/>
    <col min="15366" max="15616" width="9.140625" style="45"/>
    <col min="15617" max="15617" width="4.7109375" style="45" bestFit="1" customWidth="1"/>
    <col min="15618" max="15618" width="19.7109375" style="45" customWidth="1"/>
    <col min="15619" max="15619" width="28.7109375" style="45" customWidth="1"/>
    <col min="15620" max="15620" width="33.42578125" style="45" customWidth="1"/>
    <col min="15621" max="15621" width="10.42578125" style="45" bestFit="1" customWidth="1"/>
    <col min="15622" max="15872" width="9.140625" style="45"/>
    <col min="15873" max="15873" width="4.7109375" style="45" bestFit="1" customWidth="1"/>
    <col min="15874" max="15874" width="19.7109375" style="45" customWidth="1"/>
    <col min="15875" max="15875" width="28.7109375" style="45" customWidth="1"/>
    <col min="15876" max="15876" width="33.42578125" style="45" customWidth="1"/>
    <col min="15877" max="15877" width="10.42578125" style="45" bestFit="1" customWidth="1"/>
    <col min="15878" max="16128" width="9.140625" style="45"/>
    <col min="16129" max="16129" width="4.7109375" style="45" bestFit="1" customWidth="1"/>
    <col min="16130" max="16130" width="19.7109375" style="45" customWidth="1"/>
    <col min="16131" max="16131" width="28.7109375" style="45" customWidth="1"/>
    <col min="16132" max="16132" width="33.42578125" style="45" customWidth="1"/>
    <col min="16133" max="16133" width="10.42578125" style="45" bestFit="1" customWidth="1"/>
    <col min="16134" max="16384" width="9.140625" style="45"/>
  </cols>
  <sheetData>
    <row r="1" spans="1:10" ht="20.100000000000001" customHeight="1" x14ac:dyDescent="0.25">
      <c r="A1" s="231" t="s">
        <v>13</v>
      </c>
      <c r="B1" s="231"/>
      <c r="C1" s="39"/>
      <c r="D1" s="39"/>
    </row>
    <row r="2" spans="1:10" s="46" customFormat="1" ht="33" customHeight="1" x14ac:dyDescent="0.25">
      <c r="A2" s="234" t="s">
        <v>45</v>
      </c>
      <c r="B2" s="234"/>
      <c r="C2" s="234"/>
      <c r="D2" s="234"/>
    </row>
    <row r="3" spans="1:10" s="46" customFormat="1" ht="15" customHeight="1" x14ac:dyDescent="0.25">
      <c r="A3" s="47"/>
      <c r="B3" s="47"/>
      <c r="C3" s="47"/>
      <c r="D3" s="47"/>
    </row>
    <row r="4" spans="1:10" ht="15" customHeight="1" x14ac:dyDescent="0.3">
      <c r="A4" s="235" t="s">
        <v>37</v>
      </c>
      <c r="B4" s="235"/>
      <c r="C4" s="235"/>
      <c r="D4" s="235"/>
      <c r="E4" s="48"/>
      <c r="F4" s="48"/>
      <c r="G4" s="48"/>
      <c r="H4" s="48"/>
      <c r="I4" s="48"/>
      <c r="J4" s="48"/>
    </row>
    <row r="6" spans="1:10" s="46" customFormat="1" ht="20.100000000000001" customHeight="1" x14ac:dyDescent="0.25">
      <c r="A6" s="229" t="s">
        <v>1</v>
      </c>
      <c r="B6" s="229"/>
      <c r="C6" s="236" t="str">
        <f>IF('Príloha č. 1'!$C$6="","",'Príloha č. 1'!$C$6)</f>
        <v/>
      </c>
      <c r="D6" s="237"/>
    </row>
    <row r="7" spans="1:10" s="46" customFormat="1" ht="20.100000000000001" customHeight="1" x14ac:dyDescent="0.25">
      <c r="A7" s="229" t="s">
        <v>2</v>
      </c>
      <c r="B7" s="229"/>
      <c r="C7" s="232" t="str">
        <f>IF('Príloha č. 1'!$C$7="","",'Príloha č. 1'!$C$7)</f>
        <v/>
      </c>
      <c r="D7" s="229"/>
    </row>
    <row r="8" spans="1:10" ht="20.100000000000001" customHeight="1" x14ac:dyDescent="0.25">
      <c r="A8" s="231" t="s">
        <v>3</v>
      </c>
      <c r="B8" s="231"/>
      <c r="C8" s="232" t="str">
        <f>IF('Príloha č. 1'!$C$8="","",'Príloha č. 1'!$C$8)</f>
        <v/>
      </c>
      <c r="D8" s="229"/>
    </row>
    <row r="9" spans="1:10" ht="20.100000000000001" customHeight="1" x14ac:dyDescent="0.25">
      <c r="A9" s="231" t="s">
        <v>4</v>
      </c>
      <c r="B9" s="231"/>
      <c r="C9" s="232" t="str">
        <f>IF('Príloha č. 1'!$C$9="","",'Príloha č. 1'!$C$9)</f>
        <v/>
      </c>
      <c r="D9" s="229"/>
    </row>
    <row r="10" spans="1:10" ht="20.100000000000001" customHeight="1" x14ac:dyDescent="0.25">
      <c r="A10" s="39"/>
      <c r="B10" s="39"/>
      <c r="C10" s="49"/>
      <c r="D10" s="39"/>
    </row>
    <row r="11" spans="1:10" s="50" customFormat="1" ht="20.100000000000001" customHeight="1" x14ac:dyDescent="0.25">
      <c r="A11" s="233" t="s">
        <v>38</v>
      </c>
      <c r="B11" s="233"/>
      <c r="C11" s="233"/>
      <c r="D11" s="233"/>
    </row>
    <row r="12" spans="1:10" ht="74.25" customHeight="1" x14ac:dyDescent="0.2">
      <c r="A12" s="40" t="s">
        <v>39</v>
      </c>
      <c r="B12" s="229" t="s">
        <v>40</v>
      </c>
      <c r="C12" s="229"/>
      <c r="D12" s="229"/>
    </row>
    <row r="13" spans="1:10" ht="47.25" customHeight="1" x14ac:dyDescent="0.2">
      <c r="A13" s="40" t="s">
        <v>39</v>
      </c>
      <c r="B13" s="229" t="s">
        <v>41</v>
      </c>
      <c r="C13" s="229"/>
      <c r="D13" s="229"/>
    </row>
    <row r="14" spans="1:10" ht="48.75" customHeight="1" x14ac:dyDescent="0.2">
      <c r="A14" s="40" t="s">
        <v>39</v>
      </c>
      <c r="B14" s="229" t="s">
        <v>42</v>
      </c>
      <c r="C14" s="229"/>
      <c r="D14" s="229"/>
    </row>
    <row r="15" spans="1:10" ht="9" customHeight="1" x14ac:dyDescent="0.25">
      <c r="A15" s="39"/>
      <c r="B15" s="39"/>
      <c r="C15" s="39"/>
      <c r="D15" s="39"/>
    </row>
    <row r="16" spans="1:10" s="50" customFormat="1" ht="20.100000000000001" customHeight="1" x14ac:dyDescent="0.25">
      <c r="A16" s="51" t="s">
        <v>9</v>
      </c>
      <c r="B16" s="44" t="str">
        <f>IF('Príloha č. 1'!B24:C24="","",'Príloha č. 1'!B24:C24)</f>
        <v/>
      </c>
      <c r="C16" s="51"/>
      <c r="D16" s="51"/>
    </row>
    <row r="17" spans="1:5" s="50" customFormat="1" ht="20.100000000000001" customHeight="1" x14ac:dyDescent="0.25">
      <c r="A17" s="51" t="s">
        <v>10</v>
      </c>
      <c r="B17" s="242" t="str">
        <f>IF('Príloha č. 1'!B25:C25="","",'Príloha č. 1'!B25:C25)</f>
        <v/>
      </c>
      <c r="C17" s="51"/>
      <c r="D17" s="51"/>
    </row>
    <row r="18" spans="1:5" ht="13.5" customHeight="1" x14ac:dyDescent="0.25">
      <c r="A18" s="39"/>
      <c r="B18" s="39"/>
      <c r="C18" s="39"/>
      <c r="D18" s="52"/>
    </row>
    <row r="19" spans="1:5" ht="15" customHeight="1" x14ac:dyDescent="0.25">
      <c r="A19" s="39"/>
      <c r="B19" s="39"/>
      <c r="C19" s="53" t="s">
        <v>43</v>
      </c>
      <c r="D19" s="54" t="str">
        <f>IF('[1]Príloha č. 1'!$D$22="","",'[1]Príloha č. 1'!$D$22)</f>
        <v/>
      </c>
    </row>
    <row r="20" spans="1:5" ht="15" x14ac:dyDescent="0.25">
      <c r="A20" s="39"/>
      <c r="B20" s="39"/>
      <c r="C20" s="41"/>
      <c r="D20" s="55" t="s">
        <v>44</v>
      </c>
    </row>
    <row r="21" spans="1:5" s="56" customFormat="1" ht="15" x14ac:dyDescent="0.25">
      <c r="A21" s="230" t="s">
        <v>12</v>
      </c>
      <c r="B21" s="230"/>
      <c r="C21" s="41"/>
      <c r="D21" s="41"/>
    </row>
    <row r="22" spans="1:5" s="56" customFormat="1" ht="12" customHeight="1" x14ac:dyDescent="0.25">
      <c r="A22" s="57"/>
      <c r="B22" s="231" t="s">
        <v>14</v>
      </c>
      <c r="C22" s="231"/>
      <c r="D22" s="55"/>
      <c r="E22" s="58"/>
    </row>
    <row r="23" spans="1:5" ht="15" x14ac:dyDescent="0.25">
      <c r="A23" s="39"/>
      <c r="B23" s="39"/>
      <c r="C23" s="39"/>
      <c r="D23" s="39"/>
    </row>
  </sheetData>
  <mergeCells count="17">
    <mergeCell ref="A7:B7"/>
    <mergeCell ref="C7:D7"/>
    <mergeCell ref="A1:B1"/>
    <mergeCell ref="A2:D2"/>
    <mergeCell ref="A4:D4"/>
    <mergeCell ref="A6:B6"/>
    <mergeCell ref="C6:D6"/>
    <mergeCell ref="B13:D13"/>
    <mergeCell ref="B14:D14"/>
    <mergeCell ref="A21:B21"/>
    <mergeCell ref="B22:C22"/>
    <mergeCell ref="A8:B8"/>
    <mergeCell ref="C8:D8"/>
    <mergeCell ref="A9:B9"/>
    <mergeCell ref="C9:D9"/>
    <mergeCell ref="A11:D11"/>
    <mergeCell ref="B12:D12"/>
  </mergeCells>
  <conditionalFormatting sqref="A22">
    <cfRule type="containsBlanks" dxfId="13" priority="2">
      <formula>LEN(TRIM(A22))=0</formula>
    </cfRule>
  </conditionalFormatting>
  <conditionalFormatting sqref="C6:D9">
    <cfRule type="containsBlanks" dxfId="12" priority="4">
      <formula>LEN(TRIM(C6))=0</formula>
    </cfRule>
  </conditionalFormatting>
  <conditionalFormatting sqref="B16:B17">
    <cfRule type="containsBlanks" dxfId="11" priority="3">
      <formula>LEN(TRIM(B16))=0</formula>
    </cfRule>
  </conditionalFormatting>
  <conditionalFormatting sqref="D19">
    <cfRule type="containsBlanks" dxfId="10" priority="1">
      <formula>LEN(TRIM(D19))=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5&amp;"Arial,Normálne"
Vyhlásenie uchádzača ku konfliktu záujmov</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90" zoomScaleNormal="90" workbookViewId="0">
      <selection activeCell="B15" sqref="B15:C15"/>
    </sheetView>
  </sheetViews>
  <sheetFormatPr defaultColWidth="9.140625" defaultRowHeight="15" x14ac:dyDescent="0.25"/>
  <cols>
    <col min="1" max="1" width="7.5703125" style="13" customWidth="1"/>
    <col min="2" max="2" width="18.140625" style="13" customWidth="1"/>
    <col min="3" max="3" width="19.85546875" style="13" customWidth="1"/>
    <col min="4" max="4" width="37" style="13" customWidth="1"/>
    <col min="5" max="5" width="10.7109375" style="13" customWidth="1"/>
    <col min="6" max="6" width="15.7109375" style="13" customWidth="1"/>
    <col min="7" max="7" width="7.28515625" style="13" customWidth="1"/>
    <col min="8" max="12" width="15.7109375" style="13" customWidth="1"/>
    <col min="13" max="16384" width="9.140625" style="13"/>
  </cols>
  <sheetData>
    <row r="1" spans="1:12" x14ac:dyDescent="0.25">
      <c r="A1" s="220" t="s">
        <v>13</v>
      </c>
      <c r="B1" s="220"/>
    </row>
    <row r="2" spans="1:12" ht="33.75" customHeight="1" x14ac:dyDescent="0.25">
      <c r="A2" s="224" t="s">
        <v>45</v>
      </c>
      <c r="B2" s="224"/>
      <c r="C2" s="224"/>
      <c r="D2" s="224"/>
      <c r="E2" s="62"/>
      <c r="F2" s="62"/>
      <c r="G2" s="62"/>
      <c r="H2" s="62"/>
      <c r="I2" s="62"/>
      <c r="J2" s="62"/>
      <c r="K2" s="62"/>
      <c r="L2" s="62"/>
    </row>
    <row r="3" spans="1:12" ht="15" customHeight="1" x14ac:dyDescent="0.25">
      <c r="A3" s="221"/>
      <c r="B3" s="221"/>
      <c r="C3" s="221"/>
      <c r="D3" s="221"/>
      <c r="E3" s="221"/>
      <c r="F3" s="34"/>
      <c r="G3" s="34"/>
      <c r="H3" s="34"/>
    </row>
    <row r="4" spans="1:12" s="14" customFormat="1" ht="55.5" customHeight="1" x14ac:dyDescent="0.25">
      <c r="A4" s="222" t="s">
        <v>31</v>
      </c>
      <c r="B4" s="222"/>
      <c r="C4" s="222"/>
      <c r="D4" s="222"/>
      <c r="E4" s="26"/>
      <c r="F4" s="26"/>
      <c r="G4" s="26"/>
      <c r="H4" s="26"/>
      <c r="I4" s="26"/>
      <c r="J4" s="26"/>
      <c r="K4" s="26"/>
      <c r="L4" s="26"/>
    </row>
    <row r="5" spans="1:12" s="14" customFormat="1" ht="18.75" x14ac:dyDescent="0.25">
      <c r="A5" s="35"/>
      <c r="B5" s="35"/>
      <c r="C5" s="35"/>
      <c r="D5" s="35"/>
      <c r="E5" s="26"/>
      <c r="F5" s="26"/>
      <c r="G5" s="26"/>
      <c r="H5" s="26"/>
      <c r="I5" s="26"/>
      <c r="J5" s="26"/>
      <c r="K5" s="26"/>
      <c r="L5" s="26"/>
    </row>
    <row r="6" spans="1:12" s="14" customFormat="1" ht="20.100000000000001" customHeight="1" x14ac:dyDescent="0.25">
      <c r="A6" s="223" t="s">
        <v>1</v>
      </c>
      <c r="B6" s="223"/>
      <c r="C6" s="240" t="str">
        <f>IF('Príloha č. 1'!$C$6="","",'Príloha č. 1'!$C$6)</f>
        <v/>
      </c>
      <c r="D6" s="240"/>
      <c r="J6" s="27"/>
    </row>
    <row r="7" spans="1:12" s="14" customFormat="1" ht="20.100000000000001" customHeight="1" x14ac:dyDescent="0.25">
      <c r="A7" s="225" t="s">
        <v>2</v>
      </c>
      <c r="B7" s="225"/>
      <c r="C7" s="239" t="str">
        <f>IF('Príloha č. 1'!$C$7="","",'Príloha č. 1'!$C$7)</f>
        <v/>
      </c>
      <c r="D7" s="239"/>
    </row>
    <row r="8" spans="1:12" s="14" customFormat="1" ht="20.100000000000001" customHeight="1" x14ac:dyDescent="0.25">
      <c r="A8" s="225" t="s">
        <v>3</v>
      </c>
      <c r="B8" s="225"/>
      <c r="C8" s="239" t="str">
        <f>IF('Príloha č. 1'!$C$8="","",'Príloha č. 1'!$C$8)</f>
        <v/>
      </c>
      <c r="D8" s="239"/>
    </row>
    <row r="9" spans="1:12" s="14" customFormat="1" ht="20.100000000000001" customHeight="1" x14ac:dyDescent="0.25">
      <c r="A9" s="225" t="s">
        <v>4</v>
      </c>
      <c r="B9" s="225"/>
      <c r="C9" s="239" t="str">
        <f>IF('Príloha č. 1'!$C$9="","",'Príloha č. 1'!$C$9)</f>
        <v/>
      </c>
      <c r="D9" s="239"/>
    </row>
    <row r="10" spans="1:12" x14ac:dyDescent="0.25">
      <c r="C10" s="36"/>
    </row>
    <row r="11" spans="1:12" ht="48" customHeight="1" x14ac:dyDescent="0.25">
      <c r="A11" s="226" t="s">
        <v>32</v>
      </c>
      <c r="B11" s="226"/>
      <c r="C11" s="226"/>
      <c r="D11" s="226"/>
    </row>
    <row r="12" spans="1:12" x14ac:dyDescent="0.25">
      <c r="C12" s="36"/>
    </row>
    <row r="14" spans="1:12" ht="20.100000000000001" customHeight="1" x14ac:dyDescent="0.25">
      <c r="A14" s="13" t="s">
        <v>9</v>
      </c>
      <c r="B14" s="238" t="str">
        <f>IF('Príloha č. 1'!B24:C24="","",'Príloha č. 1'!B24:C24)</f>
        <v/>
      </c>
      <c r="C14" s="238"/>
    </row>
    <row r="15" spans="1:12" ht="20.100000000000001" customHeight="1" x14ac:dyDescent="0.25">
      <c r="A15" s="13" t="s">
        <v>10</v>
      </c>
      <c r="B15" s="243" t="str">
        <f>IF('Príloha č. 1'!B25:C25="","",'Príloha č. 1'!B25:C25)</f>
        <v/>
      </c>
      <c r="C15" s="243"/>
    </row>
    <row r="18" spans="1:12" ht="24.95" customHeight="1" x14ac:dyDescent="0.25">
      <c r="C18" s="37" t="s">
        <v>29</v>
      </c>
      <c r="D18" s="2" t="str">
        <f>IF('Príloha č. 1'!$C$7="","",'Príloha č. 1'!$C$7)</f>
        <v/>
      </c>
      <c r="K18" s="28"/>
      <c r="L18" s="28"/>
    </row>
    <row r="19" spans="1:12" ht="24.95" customHeight="1" x14ac:dyDescent="0.25">
      <c r="C19" s="37" t="s">
        <v>30</v>
      </c>
      <c r="D19" s="38"/>
    </row>
    <row r="20" spans="1:12" x14ac:dyDescent="0.25">
      <c r="C20" s="37"/>
      <c r="D20" s="15"/>
    </row>
    <row r="21" spans="1:12" s="15" customFormat="1" x14ac:dyDescent="0.25">
      <c r="A21" s="227" t="s">
        <v>12</v>
      </c>
      <c r="B21" s="227"/>
      <c r="E21" s="13"/>
    </row>
    <row r="22" spans="1:12" s="18" customFormat="1" ht="15" customHeight="1" x14ac:dyDescent="0.25">
      <c r="A22" s="16"/>
      <c r="B22" s="228" t="s">
        <v>14</v>
      </c>
      <c r="C22" s="228"/>
      <c r="D22" s="17"/>
      <c r="E22" s="13"/>
    </row>
    <row r="23" spans="1:12" s="22" customFormat="1" x14ac:dyDescent="0.25">
      <c r="A23" s="13"/>
      <c r="B23" s="19"/>
      <c r="C23" s="29"/>
      <c r="D23" s="20"/>
      <c r="E23" s="13"/>
      <c r="F23" s="21"/>
      <c r="G23" s="20"/>
    </row>
  </sheetData>
  <mergeCells count="17">
    <mergeCell ref="A1:B1"/>
    <mergeCell ref="A3:E3"/>
    <mergeCell ref="A4:D4"/>
    <mergeCell ref="A6:B6"/>
    <mergeCell ref="C6:D6"/>
    <mergeCell ref="A2:D2"/>
    <mergeCell ref="A7:B7"/>
    <mergeCell ref="C7:D7"/>
    <mergeCell ref="A8:B8"/>
    <mergeCell ref="C8:D8"/>
    <mergeCell ref="A9:B9"/>
    <mergeCell ref="C9:D9"/>
    <mergeCell ref="A11:D11"/>
    <mergeCell ref="B14:C14"/>
    <mergeCell ref="B15:C15"/>
    <mergeCell ref="A21:B21"/>
    <mergeCell ref="B22:C22"/>
  </mergeCells>
  <conditionalFormatting sqref="C6:D9">
    <cfRule type="containsBlanks" dxfId="9" priority="5">
      <formula>LEN(TRIM(C6))=0</formula>
    </cfRule>
  </conditionalFormatting>
  <conditionalFormatting sqref="C7:D9">
    <cfRule type="containsBlanks" dxfId="8" priority="4">
      <formula>LEN(TRIM(C7))=0</formula>
    </cfRule>
  </conditionalFormatting>
  <conditionalFormatting sqref="C6:D9">
    <cfRule type="containsBlanks" dxfId="7" priority="3">
      <formula>LEN(TRIM(C6))=0</formula>
    </cfRule>
  </conditionalFormatting>
  <conditionalFormatting sqref="B14:C15">
    <cfRule type="containsBlanks" dxfId="6" priority="2">
      <formula>LEN(TRIM(B14))=0</formula>
    </cfRule>
  </conditionalFormatting>
  <conditionalFormatting sqref="D19">
    <cfRule type="containsBlanks" dxfId="5" priority="1">
      <formula>LEN(TRIM(D19))=0</formula>
    </cfRule>
  </conditionalFormatting>
  <pageMargins left="0.7" right="0.7" top="0.92708333333333337" bottom="0.75" header="0.3" footer="0.3"/>
  <pageSetup paperSize="9" orientation="portrait" r:id="rId1"/>
  <headerFooter>
    <oddHeader xml:space="preserve">&amp;L&amp;"Times New Roman,Tučné"&amp;12Príloha č. 6
&amp;"Times New Roman,Normálne"Vyhlásenie uchádzača o neuloženom zákaze účasti vo verejnom obstarávaní&amp;"Times New Roman,Tučné"
</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90" zoomScaleNormal="90" workbookViewId="0">
      <selection activeCell="H24" sqref="H24"/>
    </sheetView>
  </sheetViews>
  <sheetFormatPr defaultColWidth="9.140625" defaultRowHeight="15" x14ac:dyDescent="0.25"/>
  <cols>
    <col min="1" max="1" width="7.5703125" style="13" customWidth="1"/>
    <col min="2" max="2" width="18.140625" style="13" customWidth="1"/>
    <col min="3" max="3" width="19.85546875" style="13" customWidth="1"/>
    <col min="4" max="4" width="37" style="13" customWidth="1"/>
    <col min="5" max="5" width="10.7109375" style="13" customWidth="1"/>
    <col min="6" max="6" width="15.7109375" style="13" customWidth="1"/>
    <col min="7" max="7" width="7.28515625" style="13" customWidth="1"/>
    <col min="8" max="9" width="15.7109375" style="13" customWidth="1"/>
    <col min="10" max="16384" width="9.140625" style="13"/>
  </cols>
  <sheetData>
    <row r="1" spans="1:12" x14ac:dyDescent="0.25">
      <c r="A1" s="220" t="s">
        <v>13</v>
      </c>
      <c r="B1" s="220"/>
    </row>
    <row r="2" spans="1:12" ht="33.75" customHeight="1" x14ac:dyDescent="0.25">
      <c r="A2" s="224" t="s">
        <v>45</v>
      </c>
      <c r="B2" s="224"/>
      <c r="C2" s="224"/>
      <c r="D2" s="224"/>
      <c r="E2" s="62"/>
      <c r="F2" s="62"/>
      <c r="G2" s="62"/>
      <c r="H2" s="62"/>
      <c r="I2" s="62"/>
      <c r="J2" s="62"/>
      <c r="K2" s="62"/>
      <c r="L2" s="62"/>
    </row>
    <row r="3" spans="1:12" ht="15" customHeight="1" x14ac:dyDescent="0.25">
      <c r="A3" s="221"/>
      <c r="B3" s="221"/>
      <c r="C3" s="221"/>
      <c r="D3" s="221"/>
      <c r="E3" s="221"/>
      <c r="F3" s="34"/>
      <c r="G3" s="34"/>
      <c r="H3" s="34"/>
    </row>
    <row r="4" spans="1:12" s="14" customFormat="1" ht="40.5" customHeight="1" x14ac:dyDescent="0.25">
      <c r="A4" s="222" t="s">
        <v>33</v>
      </c>
      <c r="B4" s="222"/>
      <c r="C4" s="222"/>
      <c r="D4" s="222"/>
      <c r="E4" s="26"/>
      <c r="F4" s="26"/>
      <c r="G4" s="26"/>
      <c r="H4" s="26"/>
      <c r="I4" s="26"/>
    </row>
    <row r="5" spans="1:12" s="14" customFormat="1" ht="18.75" x14ac:dyDescent="0.25">
      <c r="A5" s="35"/>
      <c r="B5" s="35"/>
      <c r="C5" s="35"/>
      <c r="D5" s="35"/>
      <c r="E5" s="26"/>
      <c r="F5" s="26"/>
      <c r="G5" s="26"/>
      <c r="H5" s="26"/>
      <c r="I5" s="26"/>
    </row>
    <row r="6" spans="1:12" s="14" customFormat="1" ht="20.100000000000001" customHeight="1" x14ac:dyDescent="0.25">
      <c r="A6" s="223" t="s">
        <v>1</v>
      </c>
      <c r="B6" s="223"/>
      <c r="C6" s="240" t="str">
        <f>IF('Príloha č. 1'!$C$6="","",'Príloha č. 1'!$C$6)</f>
        <v/>
      </c>
      <c r="D6" s="240"/>
    </row>
    <row r="7" spans="1:12" s="14" customFormat="1" ht="20.100000000000001" customHeight="1" x14ac:dyDescent="0.25">
      <c r="A7" s="225" t="s">
        <v>2</v>
      </c>
      <c r="B7" s="225"/>
      <c r="C7" s="239" t="str">
        <f>IF('Príloha č. 1'!$C$7="","",'Príloha č. 1'!$C$7)</f>
        <v/>
      </c>
      <c r="D7" s="239"/>
    </row>
    <row r="8" spans="1:12" s="14" customFormat="1" ht="20.100000000000001" customHeight="1" x14ac:dyDescent="0.25">
      <c r="A8" s="225" t="s">
        <v>3</v>
      </c>
      <c r="B8" s="225"/>
      <c r="C8" s="239" t="str">
        <f>IF('Príloha č. 1'!$C$8="","",'Príloha č. 1'!$C$8)</f>
        <v/>
      </c>
      <c r="D8" s="239"/>
    </row>
    <row r="9" spans="1:12" s="14" customFormat="1" ht="20.100000000000001" customHeight="1" x14ac:dyDescent="0.25">
      <c r="A9" s="225" t="s">
        <v>4</v>
      </c>
      <c r="B9" s="225"/>
      <c r="C9" s="239" t="str">
        <f>IF('Príloha č. 1'!$C$9="","",'Príloha č. 1'!$C$9)</f>
        <v/>
      </c>
      <c r="D9" s="239"/>
    </row>
    <row r="10" spans="1:12" x14ac:dyDescent="0.25">
      <c r="C10" s="36"/>
    </row>
    <row r="11" spans="1:12" ht="48" customHeight="1" x14ac:dyDescent="0.25">
      <c r="A11" s="226" t="s">
        <v>34</v>
      </c>
      <c r="B11" s="226"/>
      <c r="C11" s="226"/>
      <c r="D11" s="226"/>
    </row>
    <row r="12" spans="1:12" x14ac:dyDescent="0.25">
      <c r="C12" s="36"/>
    </row>
    <row r="14" spans="1:12" ht="20.100000000000001" customHeight="1" x14ac:dyDescent="0.25">
      <c r="A14" s="13" t="s">
        <v>9</v>
      </c>
      <c r="B14" s="238" t="str">
        <f>IF('Príloha č. 1'!B24:C24="","",'Príloha č. 1'!B24:C24)</f>
        <v/>
      </c>
      <c r="C14" s="238"/>
    </row>
    <row r="15" spans="1:12" ht="20.100000000000001" customHeight="1" x14ac:dyDescent="0.25">
      <c r="A15" s="13" t="s">
        <v>10</v>
      </c>
      <c r="B15" s="243" t="str">
        <f>IF('Príloha č. 1'!B25:C25="","",'Príloha č. 1'!B25:C25)</f>
        <v/>
      </c>
      <c r="C15" s="243"/>
    </row>
    <row r="18" spans="1:9" ht="20.100000000000001" customHeight="1" x14ac:dyDescent="0.25">
      <c r="C18" s="37" t="s">
        <v>29</v>
      </c>
      <c r="D18" s="2"/>
      <c r="I18" s="28"/>
    </row>
    <row r="19" spans="1:9" ht="20.100000000000001" customHeight="1" x14ac:dyDescent="0.25">
      <c r="C19" s="37" t="s">
        <v>30</v>
      </c>
      <c r="D19" s="38"/>
    </row>
    <row r="20" spans="1:9" x14ac:dyDescent="0.25">
      <c r="C20" s="37"/>
      <c r="D20" s="15"/>
    </row>
    <row r="21" spans="1:9" s="15" customFormat="1" x14ac:dyDescent="0.25">
      <c r="A21" s="227" t="s">
        <v>12</v>
      </c>
      <c r="B21" s="227"/>
      <c r="E21" s="13"/>
    </row>
    <row r="22" spans="1:9" s="18" customFormat="1" ht="15" customHeight="1" x14ac:dyDescent="0.25">
      <c r="A22" s="16"/>
      <c r="B22" s="228" t="s">
        <v>14</v>
      </c>
      <c r="C22" s="228"/>
      <c r="D22" s="17"/>
      <c r="E22" s="13"/>
    </row>
    <row r="23" spans="1:9" s="22" customFormat="1" x14ac:dyDescent="0.25">
      <c r="A23" s="13"/>
      <c r="B23" s="19"/>
      <c r="C23" s="29"/>
      <c r="D23" s="20"/>
      <c r="E23" s="13"/>
      <c r="F23" s="21"/>
      <c r="G23" s="20"/>
    </row>
  </sheetData>
  <mergeCells count="17">
    <mergeCell ref="A1:B1"/>
    <mergeCell ref="A3:E3"/>
    <mergeCell ref="A4:D4"/>
    <mergeCell ref="A6:B6"/>
    <mergeCell ref="C6:D6"/>
    <mergeCell ref="A2:D2"/>
    <mergeCell ref="A7:B7"/>
    <mergeCell ref="C7:D7"/>
    <mergeCell ref="A8:B8"/>
    <mergeCell ref="C8:D8"/>
    <mergeCell ref="A9:B9"/>
    <mergeCell ref="C9:D9"/>
    <mergeCell ref="A11:D11"/>
    <mergeCell ref="B14:C14"/>
    <mergeCell ref="B15:C15"/>
    <mergeCell ref="A21:B21"/>
    <mergeCell ref="B22:C22"/>
  </mergeCells>
  <conditionalFormatting sqref="D19">
    <cfRule type="containsBlanks" dxfId="4" priority="5">
      <formula>LEN(TRIM(D19))=0</formula>
    </cfRule>
  </conditionalFormatting>
  <conditionalFormatting sqref="C6:D9">
    <cfRule type="containsBlanks" dxfId="3" priority="4">
      <formula>LEN(TRIM(C6))=0</formula>
    </cfRule>
  </conditionalFormatting>
  <conditionalFormatting sqref="C7:D9">
    <cfRule type="containsBlanks" dxfId="2" priority="3">
      <formula>LEN(TRIM(C7))=0</formula>
    </cfRule>
  </conditionalFormatting>
  <conditionalFormatting sqref="C6:D9">
    <cfRule type="containsBlanks" dxfId="1" priority="2">
      <formula>LEN(TRIM(C6))=0</formula>
    </cfRule>
  </conditionalFormatting>
  <conditionalFormatting sqref="B14:C15">
    <cfRule type="containsBlanks" dxfId="0" priority="1">
      <formula>LEN(TRIM(B14))=0</formula>
    </cfRule>
  </conditionalFormatting>
  <pageMargins left="0.7" right="0.7" top="0.92708333333333337" bottom="0.75" header="0.3" footer="0.3"/>
  <pageSetup paperSize="9" orientation="portrait" r:id="rId1"/>
  <headerFooter>
    <oddHeader xml:space="preserve">&amp;L&amp;"Times New Roman,Tučné"&amp;12Príloha č. 7&amp;"Times New Roman,Normálne"
Vyhlásenie uchádzača o zápise do ZHS&amp;"Times New Roman,Tučné"
</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7</vt:i4>
      </vt:variant>
      <vt:variant>
        <vt:lpstr>Pomenované rozsahy</vt:lpstr>
      </vt:variant>
      <vt:variant>
        <vt:i4>7</vt:i4>
      </vt:variant>
    </vt:vector>
  </HeadingPairs>
  <TitlesOfParts>
    <vt:vector size="14" baseType="lpstr">
      <vt:lpstr>Príloha č. 1</vt:lpstr>
      <vt:lpstr>Príloha č. 2</vt:lpstr>
      <vt:lpstr>Príloha č. 3</vt:lpstr>
      <vt:lpstr>Príloha č. 4</vt:lpstr>
      <vt:lpstr>Príloha č.5</vt:lpstr>
      <vt:lpstr>Príloha č. 6</vt:lpstr>
      <vt:lpstr>Príloha č. 7  </vt:lpstr>
      <vt:lpstr>'Príloha č. 1'!Oblasť_tlače</vt:lpstr>
      <vt:lpstr>'Príloha č. 2'!Oblasť_tlače</vt:lpstr>
      <vt:lpstr>'Príloha č. 3'!Oblasť_tlače</vt:lpstr>
      <vt:lpstr>'Príloha č. 4'!Oblasť_tlače</vt:lpstr>
      <vt:lpstr>'Príloha č. 6'!Oblasť_tlače</vt:lpstr>
      <vt:lpstr>'Príloha č. 7  '!Oblasť_tlače</vt:lpstr>
      <vt:lpstr>'Príloha č.5'!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2-01-26T09:20:36Z</cp:lastPrinted>
  <dcterms:created xsi:type="dcterms:W3CDTF">2014-08-04T05:30:35Z</dcterms:created>
  <dcterms:modified xsi:type="dcterms:W3CDTF">2022-01-26T09:20:51Z</dcterms:modified>
</cp:coreProperties>
</file>